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vol1210-1228\新様式\"/>
    </mc:Choice>
  </mc:AlternateContent>
  <xr:revisionPtr revIDLastSave="0" documentId="13_ncr:1_{EEF2C85E-3B5E-4C85-906A-E41800E1BB12}" xr6:coauthVersionLast="47" xr6:coauthVersionMax="47" xr10:uidLastSave="{00000000-0000-0000-0000-000000000000}"/>
  <bookViews>
    <workbookView xWindow="-120" yWindow="-120" windowWidth="20730" windowHeight="11160" xr2:uid="{F8BC3430-7BAB-43B3-9A6E-BFBA0F0C9830}"/>
  </bookViews>
  <sheets>
    <sheet name="別紙１－１" sheetId="2" r:id="rId1"/>
    <sheet name="備考（1）" sheetId="3" r:id="rId2"/>
    <sheet name="Sheet1" sheetId="1" r:id="rId3"/>
  </sheets>
  <externalReferences>
    <externalReference r:id="rId4"/>
    <externalReference r:id="rId5"/>
    <externalReference r:id="rId6"/>
  </externalReferences>
  <definedNames>
    <definedName name="ｋ">#N/A</definedName>
    <definedName name="_xlnm.Print_Area" localSheetId="1">'備考（1）'!$A$1:$S$82</definedName>
    <definedName name="_xlnm.Print_Area" localSheetId="0">'別紙１－１'!$A$1:$AF$21</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50" uniqueCount="111">
  <si>
    <t>（別紙１－１）</t>
    <rPh sb="1" eb="3">
      <t>ベッシ</t>
    </rPh>
    <phoneticPr fontId="4"/>
  </si>
  <si>
    <t>事 業 所 番 号</t>
  </si>
  <si>
    <t>提供サービス</t>
    <phoneticPr fontId="4"/>
  </si>
  <si>
    <t>施設等の区分</t>
  </si>
  <si>
    <t>人員配置区分</t>
  </si>
  <si>
    <t>そ　 　　の　 　　他　　 　該　　 　当　　 　す 　　　る 　　　体 　　　制 　　　等</t>
    <phoneticPr fontId="4"/>
  </si>
  <si>
    <t>LIFEへの登録</t>
    <rPh sb="6" eb="8">
      <t>トウロク</t>
    </rPh>
    <phoneticPr fontId="4"/>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１ なし</t>
    <phoneticPr fontId="4"/>
  </si>
  <si>
    <t>２ 加算Ⅰ</t>
    <phoneticPr fontId="4"/>
  </si>
  <si>
    <t>３ 加算Ⅱ</t>
    <phoneticPr fontId="4"/>
  </si>
  <si>
    <t>４ 加算Ⅲ</t>
    <phoneticPr fontId="4"/>
  </si>
  <si>
    <t>２ あり</t>
    <phoneticPr fontId="4"/>
  </si>
  <si>
    <t>１　非該当</t>
    <phoneticPr fontId="4"/>
  </si>
  <si>
    <t>２　該当</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特別地域加算</t>
  </si>
  <si>
    <t>ケアプランデータ連携システムの活用及び事務職員の配置の体制</t>
    <phoneticPr fontId="4"/>
  </si>
  <si>
    <t>居宅介護支援</t>
  </si>
  <si>
    <t>２　該当</t>
    <phoneticPr fontId="4"/>
  </si>
  <si>
    <t>特定事業所集中減算</t>
    <rPh sb="0" eb="2">
      <t>トクテイ</t>
    </rPh>
    <rPh sb="2" eb="5">
      <t>ジギョウショ</t>
    </rPh>
    <rPh sb="5" eb="7">
      <t>シュウチュウ</t>
    </rPh>
    <rPh sb="7" eb="9">
      <t>ゲンサン</t>
    </rPh>
    <phoneticPr fontId="4"/>
  </si>
  <si>
    <t>特定事業所加算</t>
    <rPh sb="2" eb="5">
      <t>ジギョウショ</t>
    </rPh>
    <rPh sb="5" eb="7">
      <t>カサン</t>
    </rPh>
    <phoneticPr fontId="4"/>
  </si>
  <si>
    <t>５ 加算Ａ</t>
    <phoneticPr fontId="4"/>
  </si>
  <si>
    <t>特定事業所医療介護連携加算</t>
    <rPh sb="0" eb="5">
      <t>トクテイジギョウショ</t>
    </rPh>
    <phoneticPr fontId="4"/>
  </si>
  <si>
    <t>ターミナルケアマネジメント加算</t>
    <rPh sb="13" eb="15">
      <t>カサン</t>
    </rPh>
    <phoneticPr fontId="4"/>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4"/>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4"/>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4"/>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4"/>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4"/>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4"/>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4"/>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4"/>
  </si>
  <si>
    <t>　　　　（別紙8）を添付して下さい。</t>
    <phoneticPr fontId="4"/>
  </si>
  <si>
    <t>　　　８　人員配置に係る届出については、勤務体制がわかる書類（「従業者の勤務の体制及び勤務形態一覧表」（別紙７）又はこれに準じた勤務割表等）を添付してください。</t>
    <phoneticPr fontId="4"/>
  </si>
  <si>
    <t>　　　９ 「割引｣を｢あり｣と記載する場合は「指定居宅サービス事業所等による介護給付費の割引に係る割引率の設定について」（別紙５）を添付してください。</t>
    <rPh sb="33" eb="34">
      <t>ショ</t>
    </rPh>
    <phoneticPr fontId="4"/>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4"/>
  </si>
  <si>
    <t>　　　　　また、「認知症チームケア推進加算」については、「認知症チームケア推進加算に係る届出書」（別紙40）を添付してください。</t>
    <phoneticPr fontId="4"/>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4"/>
  </si>
  <si>
    <t>　　　12 「看護体制強化加算」については、「看護体制強化加算に係る届出書」（別紙19）を添付してください。</t>
    <phoneticPr fontId="4"/>
  </si>
  <si>
    <t>　　　13「その他該当する体制等」欄で人員配置に係る加算（減算）の届出については、それぞれ加算（減算）の要件となる職員の配置状況や勤務体制がわかる書類を添付してください。</t>
    <phoneticPr fontId="4"/>
  </si>
  <si>
    <t>　　　　　　（例）－「機能訓練指導体制」…機能訓練指導員、「リハビリテーションの加算状況」…リハビリテーション従事者、</t>
    <phoneticPr fontId="4"/>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4"/>
  </si>
  <si>
    <t>　　　15 「生活相談員配置等加算」については、「生活相談員配置等加算に係る届出書」（別紙21）を添付してください。</t>
    <phoneticPr fontId="4"/>
  </si>
  <si>
    <t>　　　16 　「入浴介助加算」については、「浴室の平面図等」及び入浴介助加算（Ⅰ）の要件である研修を実施または、実施することが分かる資料等を添付してください。</t>
    <phoneticPr fontId="4"/>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4"/>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4"/>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4"/>
  </si>
  <si>
    <t>　　　20 「送迎体制」については、実際に利用者の送迎が可能な場合に記載してください。</t>
    <phoneticPr fontId="4"/>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4"/>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4"/>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4"/>
  </si>
  <si>
    <t>　　　　  「看取り介護加算」については、「看取り介護体制に係る届出書」（別紙34－2）を添付してください。</t>
    <phoneticPr fontId="4"/>
  </si>
  <si>
    <t>　　　　　また、「看取り連携体制加算」については、「看取り連携体制加算に係る届出書」（別紙13）を添付してください。</t>
    <phoneticPr fontId="4"/>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4"/>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4"/>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4"/>
  </si>
  <si>
    <t>　　　27「特定診療費項目」「リハビリテーション提供体制」については、これらに相当する診療報酬の算定のために届け出た届出書の写しを添付してください。</t>
    <phoneticPr fontId="4"/>
  </si>
  <si>
    <t>　　　28 「職員の欠員による減算の状況」については、以下の要領で記載してください。</t>
    <phoneticPr fontId="4"/>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4"/>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4"/>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4"/>
  </si>
  <si>
    <t>　　　　　　　　　　ただし、事業所・施設が以下の地域に所在する場合は、「その他該当する体制等」欄のみ選択する。（人員配置区分欄の変更は行わない。）</t>
  </si>
  <si>
    <t>　　　　　　　　　　＜厚生労働大臣が定める地域＞</t>
    <rPh sb="13" eb="15">
      <t>ロウドウ</t>
    </rPh>
    <phoneticPr fontId="4"/>
  </si>
  <si>
    <t>　　　　　　　　　　　厚生労働大臣が定める地域は、人口５万人未満の市町村であって次に掲げる地域をその区域内に有する市町村の区域とする。</t>
    <rPh sb="13" eb="15">
      <t>ロウドウ</t>
    </rPh>
    <phoneticPr fontId="4"/>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4"/>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4"/>
  </si>
  <si>
    <t>　　　　　　　　（（１）が優先する。）</t>
  </si>
  <si>
    <t>　　　　　　　　ウ　介護支援専門員（病院において従事する者に限る。）の欠員…「その他該当する体制等」欄の介護支援専門員を選択する。</t>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4"/>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4"/>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4"/>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4"/>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4"/>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4"/>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4"/>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4"/>
  </si>
  <si>
    <t>　　　37「高齢者施設等感染対策向上加算Ⅰ」 「高齢者施設等感染対策向上加算Ⅱ」については、「高齢者施設等感染対策向上加算に係る届出書」（別紙35）を添付してください。</t>
    <phoneticPr fontId="4"/>
  </si>
  <si>
    <t>　　　38「専門管理加算」については、「専門管理加算に係る届出書」（様式17）を添付してください。</t>
    <phoneticPr fontId="4"/>
  </si>
  <si>
    <t>　　　39「遠隔死亡診断補助加算」については、「遠隔死亡診断補助加算に係る届出書」（別紙18）を添付してください。</t>
    <phoneticPr fontId="4"/>
  </si>
  <si>
    <t>　　　40「生産性向上推進体制加算」については、「生産性向上推進体制加算に係る届出書」（別紙28）を添付してください。</t>
    <phoneticPr fontId="4"/>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4"/>
  </si>
  <si>
    <t>　　　42「ケアプランデータ連携システムの活用及び事務職員の配置の体制」については、要件を満たし、かつ居宅介護支援費（Ⅱ）を算定する場合は「２　あり」を選択してください。</t>
    <phoneticPr fontId="4"/>
  </si>
  <si>
    <t>　　　43「口腔連携強化加算」については、「口腔連携強化加算に関する届出書」（別紙11）を添付してください。</t>
    <phoneticPr fontId="4"/>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4"/>
  </si>
  <si>
    <t>　　２　介護老人保健施設に係る届出をした場合には、短期入所療養介護における届出事項で介護老人保健施設の届出と重複するものの届出は不要です。</t>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4"/>
  </si>
  <si>
    <t>　　４　短期入所療養介護にあっては、同一の施設区分で事業の実施が複数の病棟にわたる場合は、病棟ごとに届け出てください。</t>
    <phoneticPr fontId="4"/>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4"/>
  </si>
  <si>
    <t>備考　１　この表は、事業所所在地以外の場所で一部事業を実施する出張所等がある場合について記載することとし、複数出張所等を有する場合は出張所ごとに提出してください。</t>
  </si>
  <si>
    <t>介 護 給 付 費 算 定 に 係 る 体 制 等 状 況 一 覧 表（居宅介護支援）</t>
    <rPh sb="36" eb="38">
      <t>キョタク</t>
    </rPh>
    <rPh sb="38" eb="40">
      <t>カイゴ</t>
    </rPh>
    <rPh sb="40" eb="42">
      <t>シエ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6"/>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b/>
      <sz val="12"/>
      <name val="HGSｺﾞｼｯｸM"/>
      <family val="3"/>
      <charset val="128"/>
    </font>
    <font>
      <strike/>
      <sz val="11"/>
      <name val="ＭＳ Ｐゴシック"/>
      <family val="3"/>
      <charset val="128"/>
    </font>
  </fonts>
  <fills count="3">
    <fill>
      <patternFill patternType="none"/>
    </fill>
    <fill>
      <patternFill patternType="gray125"/>
    </fill>
    <fill>
      <patternFill patternType="solid">
        <fgColor theme="0"/>
        <bgColor indexed="64"/>
      </patternFill>
    </fill>
  </fills>
  <borders count="4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top/>
      <bottom style="thin">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s>
  <cellStyleXfs count="2">
    <xf numFmtId="0" fontId="0" fillId="0" borderId="0">
      <alignment vertical="center"/>
    </xf>
    <xf numFmtId="0" fontId="1" fillId="0" borderId="0"/>
  </cellStyleXfs>
  <cellXfs count="118">
    <xf numFmtId="0" fontId="0" fillId="0" borderId="0" xfId="0">
      <alignment vertical="center"/>
    </xf>
    <xf numFmtId="0" fontId="2" fillId="2" borderId="0" xfId="1" applyFont="1" applyFill="1" applyAlignment="1">
      <alignment vertical="center"/>
    </xf>
    <xf numFmtId="0" fontId="2" fillId="2" borderId="0" xfId="1" applyFont="1" applyFill="1" applyAlignment="1">
      <alignment horizontal="center" vertical="center"/>
    </xf>
    <xf numFmtId="0" fontId="5" fillId="2" borderId="0" xfId="1" applyFont="1" applyFill="1" applyAlignment="1">
      <alignment horizontal="left" vertical="center"/>
    </xf>
    <xf numFmtId="0" fontId="5" fillId="2" borderId="0" xfId="1" applyFont="1" applyFill="1" applyAlignment="1">
      <alignment horizontal="center" vertical="center"/>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3" xfId="1" applyFont="1" applyFill="1" applyBorder="1" applyAlignment="1">
      <alignment horizontal="center" vertical="center"/>
    </xf>
    <xf numFmtId="0" fontId="1" fillId="2" borderId="0" xfId="1" applyFill="1" applyAlignment="1">
      <alignment horizontal="center" vertical="center"/>
    </xf>
    <xf numFmtId="0" fontId="5" fillId="2" borderId="7" xfId="1" applyFont="1" applyFill="1" applyBorder="1" applyAlignment="1">
      <alignment vertical="center"/>
    </xf>
    <xf numFmtId="0" fontId="5" fillId="2" borderId="7" xfId="1" applyFont="1" applyFill="1" applyBorder="1" applyAlignment="1">
      <alignment vertical="center" wrapText="1"/>
    </xf>
    <xf numFmtId="0" fontId="5" fillId="2" borderId="8" xfId="1" applyFont="1" applyFill="1" applyBorder="1" applyAlignment="1">
      <alignment vertical="center" wrapText="1"/>
    </xf>
    <xf numFmtId="0" fontId="1" fillId="2" borderId="13" xfId="1" applyFill="1" applyBorder="1" applyAlignment="1">
      <alignment horizontal="center" vertical="center"/>
    </xf>
    <xf numFmtId="0" fontId="5" fillId="2" borderId="0" xfId="1" applyFont="1" applyFill="1" applyAlignment="1">
      <alignment vertical="center"/>
    </xf>
    <xf numFmtId="0" fontId="5" fillId="2" borderId="0" xfId="1" applyFont="1" applyFill="1" applyAlignment="1">
      <alignment vertical="center" wrapText="1"/>
    </xf>
    <xf numFmtId="0" fontId="5" fillId="2" borderId="14" xfId="1" applyFont="1" applyFill="1" applyBorder="1" applyAlignment="1">
      <alignment vertical="center" wrapText="1"/>
    </xf>
    <xf numFmtId="0" fontId="5" fillId="2" borderId="6" xfId="1" applyFont="1" applyFill="1" applyBorder="1" applyAlignment="1">
      <alignment vertical="center"/>
    </xf>
    <xf numFmtId="0" fontId="5" fillId="2" borderId="8" xfId="1" applyFont="1" applyFill="1" applyBorder="1" applyAlignment="1">
      <alignment horizontal="center" vertical="center"/>
    </xf>
    <xf numFmtId="0" fontId="5" fillId="2" borderId="9" xfId="1" applyFont="1" applyFill="1" applyBorder="1" applyAlignment="1">
      <alignment vertical="center"/>
    </xf>
    <xf numFmtId="0" fontId="5" fillId="2" borderId="6" xfId="1" applyFont="1" applyFill="1" applyBorder="1" applyAlignment="1">
      <alignment horizontal="left" vertical="center"/>
    </xf>
    <xf numFmtId="0" fontId="5" fillId="2" borderId="8" xfId="1" applyFont="1" applyFill="1" applyBorder="1" applyAlignment="1">
      <alignment vertical="center"/>
    </xf>
    <xf numFmtId="0" fontId="1" fillId="2" borderId="7" xfId="1" applyFill="1" applyBorder="1" applyAlignment="1">
      <alignment vertical="center"/>
    </xf>
    <xf numFmtId="0" fontId="1" fillId="2" borderId="8" xfId="1" applyFill="1" applyBorder="1" applyAlignment="1">
      <alignment vertical="center"/>
    </xf>
    <xf numFmtId="0" fontId="5" fillId="2" borderId="8" xfId="1" applyFont="1" applyFill="1" applyBorder="1" applyAlignment="1">
      <alignment vertical="top"/>
    </xf>
    <xf numFmtId="0" fontId="5" fillId="2" borderId="13" xfId="1" applyFont="1" applyFill="1" applyBorder="1" applyAlignment="1">
      <alignment vertical="center"/>
    </xf>
    <xf numFmtId="0" fontId="5" fillId="2" borderId="14" xfId="1" applyFont="1" applyFill="1" applyBorder="1" applyAlignment="1">
      <alignment horizontal="center" vertical="center"/>
    </xf>
    <xf numFmtId="0" fontId="5" fillId="2" borderId="15" xfId="1" applyFont="1" applyFill="1" applyBorder="1" applyAlignment="1">
      <alignment vertical="center"/>
    </xf>
    <xf numFmtId="0" fontId="5" fillId="2" borderId="13" xfId="1" applyFont="1" applyFill="1" applyBorder="1" applyAlignment="1">
      <alignment horizontal="left" vertical="center"/>
    </xf>
    <xf numFmtId="0" fontId="5" fillId="2" borderId="14" xfId="1" applyFont="1" applyFill="1" applyBorder="1" applyAlignment="1">
      <alignment vertical="center"/>
    </xf>
    <xf numFmtId="0" fontId="1" fillId="2" borderId="0" xfId="1" applyFill="1" applyAlignment="1">
      <alignment horizontal="left" vertical="center"/>
    </xf>
    <xf numFmtId="0" fontId="5" fillId="2" borderId="0" xfId="1" applyFont="1" applyFill="1" applyAlignment="1">
      <alignment vertical="top"/>
    </xf>
    <xf numFmtId="0" fontId="5" fillId="2" borderId="14" xfId="1" applyFont="1" applyFill="1" applyBorder="1" applyAlignment="1">
      <alignment vertical="top"/>
    </xf>
    <xf numFmtId="0" fontId="5" fillId="2" borderId="21" xfId="1" applyFont="1" applyFill="1" applyBorder="1" applyAlignment="1">
      <alignment horizontal="left" vertical="center"/>
    </xf>
    <xf numFmtId="0" fontId="5" fillId="2" borderId="13" xfId="1" applyFont="1" applyFill="1" applyBorder="1" applyAlignment="1">
      <alignment vertical="top"/>
    </xf>
    <xf numFmtId="0" fontId="1" fillId="2" borderId="23" xfId="1" applyFill="1" applyBorder="1" applyAlignment="1">
      <alignment horizontal="center" vertical="center"/>
    </xf>
    <xf numFmtId="0" fontId="5" fillId="2" borderId="24" xfId="1" applyFont="1" applyFill="1" applyBorder="1" applyAlignment="1">
      <alignment vertical="center"/>
    </xf>
    <xf numFmtId="0" fontId="1" fillId="2" borderId="24" xfId="1" applyFill="1" applyBorder="1" applyAlignment="1">
      <alignment vertical="center"/>
    </xf>
    <xf numFmtId="0" fontId="1" fillId="2" borderId="24" xfId="1" applyFill="1" applyBorder="1" applyAlignment="1">
      <alignment horizontal="center" vertical="center"/>
    </xf>
    <xf numFmtId="0" fontId="5" fillId="2" borderId="26" xfId="1" applyFont="1" applyFill="1" applyBorder="1" applyAlignment="1">
      <alignment horizontal="left" vertical="center" wrapText="1"/>
    </xf>
    <xf numFmtId="0" fontId="1" fillId="2" borderId="25" xfId="1" applyFill="1" applyBorder="1" applyAlignment="1">
      <alignment vertical="center"/>
    </xf>
    <xf numFmtId="0" fontId="1" fillId="2" borderId="21" xfId="1" applyFill="1" applyBorder="1" applyAlignment="1">
      <alignment vertical="center"/>
    </xf>
    <xf numFmtId="0" fontId="1" fillId="2" borderId="22" xfId="1" applyFill="1" applyBorder="1" applyAlignment="1">
      <alignment vertical="center"/>
    </xf>
    <xf numFmtId="0" fontId="5" fillId="2" borderId="30" xfId="1" applyFont="1" applyFill="1" applyBorder="1" applyAlignment="1">
      <alignment vertical="center"/>
    </xf>
    <xf numFmtId="0" fontId="5" fillId="2" borderId="31" xfId="1" applyFont="1" applyFill="1" applyBorder="1" applyAlignment="1">
      <alignment horizontal="center" vertical="center"/>
    </xf>
    <xf numFmtId="0" fontId="5" fillId="2" borderId="32" xfId="1" applyFont="1" applyFill="1" applyBorder="1" applyAlignment="1">
      <alignment vertical="center"/>
    </xf>
    <xf numFmtId="0" fontId="5" fillId="2" borderId="30" xfId="1" applyFont="1" applyFill="1" applyBorder="1" applyAlignment="1">
      <alignment horizontal="left" vertical="center"/>
    </xf>
    <xf numFmtId="0" fontId="5" fillId="2" borderId="31" xfId="1" applyFont="1" applyFill="1" applyBorder="1" applyAlignment="1">
      <alignment vertical="center" wrapText="1"/>
    </xf>
    <xf numFmtId="0" fontId="5" fillId="2" borderId="33" xfId="1" applyFont="1" applyFill="1" applyBorder="1" applyAlignment="1">
      <alignment horizontal="left" vertical="center"/>
    </xf>
    <xf numFmtId="0" fontId="1" fillId="2" borderId="34" xfId="1" applyFill="1" applyBorder="1" applyAlignment="1">
      <alignment horizontal="center" vertical="center"/>
    </xf>
    <xf numFmtId="0" fontId="5" fillId="2" borderId="35" xfId="1" applyFont="1" applyFill="1" applyBorder="1" applyAlignment="1">
      <alignment vertical="center"/>
    </xf>
    <xf numFmtId="0" fontId="1" fillId="2" borderId="35" xfId="1" applyFill="1" applyBorder="1" applyAlignment="1">
      <alignment horizontal="center" vertical="center"/>
    </xf>
    <xf numFmtId="0" fontId="5" fillId="2" borderId="30" xfId="1" applyFont="1" applyFill="1" applyBorder="1" applyAlignment="1">
      <alignment vertical="top"/>
    </xf>
    <xf numFmtId="0" fontId="5" fillId="2" borderId="37" xfId="1" applyFont="1" applyFill="1" applyBorder="1" applyAlignment="1">
      <alignment vertical="top"/>
    </xf>
    <xf numFmtId="0" fontId="5" fillId="2" borderId="31" xfId="1" applyFont="1" applyFill="1" applyBorder="1" applyAlignment="1">
      <alignment vertical="top"/>
    </xf>
    <xf numFmtId="0" fontId="1" fillId="2" borderId="6" xfId="1" applyFill="1" applyBorder="1" applyAlignment="1">
      <alignment horizontal="center" vertical="center"/>
    </xf>
    <xf numFmtId="0" fontId="5" fillId="2" borderId="24" xfId="1" applyFont="1" applyFill="1" applyBorder="1" applyAlignment="1">
      <alignment horizontal="left" vertical="center"/>
    </xf>
    <xf numFmtId="0" fontId="5" fillId="2" borderId="26" xfId="1" applyFont="1" applyFill="1" applyBorder="1" applyAlignment="1">
      <alignment horizontal="left" vertical="center"/>
    </xf>
    <xf numFmtId="0" fontId="1" fillId="2" borderId="28" xfId="1" applyFill="1" applyBorder="1" applyAlignment="1">
      <alignment horizontal="left" vertical="center"/>
    </xf>
    <xf numFmtId="0" fontId="1" fillId="2" borderId="29" xfId="1" applyFill="1" applyBorder="1" applyAlignment="1">
      <alignment horizontal="left" vertical="center"/>
    </xf>
    <xf numFmtId="0" fontId="1" fillId="2" borderId="31" xfId="1" applyFill="1" applyBorder="1" applyAlignment="1">
      <alignment vertical="center"/>
    </xf>
    <xf numFmtId="0" fontId="5" fillId="2" borderId="6"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1" fillId="2" borderId="0" xfId="1" applyFill="1" applyAlignment="1">
      <alignment vertical="center"/>
    </xf>
    <xf numFmtId="0" fontId="1" fillId="2" borderId="14" xfId="1" applyFill="1" applyBorder="1" applyAlignment="1">
      <alignment vertical="center"/>
    </xf>
    <xf numFmtId="0" fontId="5" fillId="2" borderId="30" xfId="1" applyFont="1" applyFill="1" applyBorder="1" applyAlignment="1">
      <alignment horizontal="center" vertical="center" wrapText="1"/>
    </xf>
    <xf numFmtId="0" fontId="1" fillId="2" borderId="35" xfId="1" applyFill="1" applyBorder="1" applyAlignment="1">
      <alignment vertical="center"/>
    </xf>
    <xf numFmtId="0" fontId="1" fillId="2" borderId="36" xfId="1" applyFill="1" applyBorder="1" applyAlignment="1">
      <alignment vertical="center"/>
    </xf>
    <xf numFmtId="0" fontId="5" fillId="2" borderId="0" xfId="1" applyFont="1" applyFill="1" applyAlignment="1">
      <alignment horizontal="center"/>
    </xf>
    <xf numFmtId="0" fontId="5" fillId="2" borderId="0" xfId="1" applyFont="1" applyFill="1"/>
    <xf numFmtId="0" fontId="1" fillId="2" borderId="0" xfId="1" applyFill="1"/>
    <xf numFmtId="0" fontId="6" fillId="2" borderId="0" xfId="1" applyFont="1" applyFill="1" applyAlignment="1">
      <alignment horizontal="left" vertical="center"/>
    </xf>
    <xf numFmtId="0" fontId="7" fillId="2" borderId="0" xfId="1" applyFont="1" applyFill="1" applyAlignment="1">
      <alignment horizontal="center" vertical="center"/>
    </xf>
    <xf numFmtId="0" fontId="7" fillId="2" borderId="0" xfId="1" applyFont="1" applyFill="1" applyAlignment="1">
      <alignment horizontal="left" vertical="center"/>
    </xf>
    <xf numFmtId="0" fontId="5" fillId="2" borderId="0" xfId="1" applyFont="1" applyFill="1" applyAlignment="1">
      <alignment vertical="top" wrapText="1"/>
    </xf>
    <xf numFmtId="0" fontId="5" fillId="2" borderId="0" xfId="1" applyFont="1" applyFill="1" applyAlignment="1">
      <alignment horizontal="left" vertical="top"/>
    </xf>
    <xf numFmtId="0" fontId="5" fillId="2" borderId="24" xfId="1" applyFont="1" applyFill="1" applyBorder="1" applyAlignment="1">
      <alignment horizontal="left" vertical="center"/>
    </xf>
    <xf numFmtId="0" fontId="5" fillId="2" borderId="38" xfId="1" applyFont="1" applyFill="1" applyBorder="1" applyAlignment="1">
      <alignment horizontal="center" vertical="center"/>
    </xf>
    <xf numFmtId="0" fontId="5" fillId="2" borderId="39" xfId="1" applyFont="1" applyFill="1" applyBorder="1" applyAlignment="1">
      <alignment horizontal="center" vertical="center"/>
    </xf>
    <xf numFmtId="0" fontId="5" fillId="2" borderId="40" xfId="1" applyFont="1" applyFill="1" applyBorder="1" applyAlignment="1">
      <alignment horizontal="center" vertical="center"/>
    </xf>
    <xf numFmtId="0" fontId="5" fillId="2" borderId="41" xfId="1" applyFont="1" applyFill="1" applyBorder="1" applyAlignment="1">
      <alignment horizontal="center" vertical="center"/>
    </xf>
    <xf numFmtId="0" fontId="5" fillId="2" borderId="27" xfId="1" applyFont="1" applyFill="1" applyBorder="1" applyAlignment="1">
      <alignment horizontal="left" vertical="center" wrapText="1"/>
    </xf>
    <xf numFmtId="0" fontId="5" fillId="2" borderId="19" xfId="1" applyFont="1" applyFill="1" applyBorder="1" applyAlignment="1">
      <alignment horizontal="left" vertical="center" wrapText="1"/>
    </xf>
    <xf numFmtId="0" fontId="5" fillId="2" borderId="28"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8" xfId="1" applyFont="1" applyFill="1" applyBorder="1" applyAlignment="1">
      <alignment horizontal="left" vertical="center"/>
    </xf>
    <xf numFmtId="0" fontId="5" fillId="2" borderId="21" xfId="1" applyFont="1" applyFill="1" applyBorder="1" applyAlignment="1">
      <alignment horizontal="left" vertical="center"/>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1" fillId="2" borderId="6" xfId="1" applyFill="1" applyBorder="1" applyAlignment="1">
      <alignment horizontal="center" vertical="center"/>
    </xf>
    <xf numFmtId="0" fontId="1" fillId="2" borderId="13" xfId="1" applyFill="1" applyBorder="1" applyAlignment="1">
      <alignment horizontal="center" vertical="center"/>
    </xf>
    <xf numFmtId="0" fontId="1" fillId="2" borderId="20" xfId="1" applyFill="1" applyBorder="1" applyAlignment="1">
      <alignment horizontal="center" vertical="center"/>
    </xf>
    <xf numFmtId="0" fontId="5" fillId="2" borderId="7" xfId="1" applyFont="1" applyFill="1" applyBorder="1" applyAlignment="1">
      <alignment horizontal="left" vertical="center"/>
    </xf>
    <xf numFmtId="0" fontId="5" fillId="2" borderId="0" xfId="1" applyFont="1" applyFill="1" applyAlignment="1">
      <alignment horizontal="left" vertical="center"/>
    </xf>
    <xf numFmtId="0" fontId="1" fillId="2" borderId="7" xfId="1" applyFill="1" applyBorder="1" applyAlignment="1">
      <alignment horizontal="center" vertical="center"/>
    </xf>
    <xf numFmtId="0" fontId="1" fillId="2" borderId="0" xfId="1" applyFill="1" applyAlignment="1">
      <alignment horizontal="center" vertical="center"/>
    </xf>
    <xf numFmtId="0" fontId="1" fillId="2" borderId="21" xfId="1" applyFill="1" applyBorder="1" applyAlignment="1">
      <alignment horizontal="center"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0" xfId="1" applyFont="1" applyFill="1" applyAlignment="1">
      <alignment horizontal="center" vertical="center"/>
    </xf>
    <xf numFmtId="0" fontId="5" fillId="2" borderId="14" xfId="1" applyFont="1" applyFill="1" applyBorder="1" applyAlignment="1">
      <alignment horizontal="center" vertical="center"/>
    </xf>
    <xf numFmtId="0" fontId="5" fillId="2" borderId="9" xfId="1" applyFont="1" applyFill="1" applyBorder="1" applyAlignment="1">
      <alignment horizontal="left" vertical="center"/>
    </xf>
    <xf numFmtId="0" fontId="5" fillId="2" borderId="15" xfId="1" applyFont="1" applyFill="1" applyBorder="1" applyAlignment="1">
      <alignment horizontal="left" vertical="center"/>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6" xfId="1" applyFont="1" applyFill="1" applyBorder="1" applyAlignment="1">
      <alignment horizontal="center" vertical="center"/>
    </xf>
    <xf numFmtId="0" fontId="5" fillId="2" borderId="17" xfId="1" applyFont="1" applyFill="1" applyBorder="1" applyAlignment="1">
      <alignment horizontal="center" vertical="center"/>
    </xf>
    <xf numFmtId="0" fontId="5" fillId="2" borderId="18" xfId="1" applyFont="1" applyFill="1" applyBorder="1" applyAlignment="1">
      <alignment horizontal="center" vertical="center"/>
    </xf>
    <xf numFmtId="0" fontId="2" fillId="2" borderId="0" xfId="1" applyFont="1" applyFill="1" applyAlignment="1">
      <alignment horizontal="center" vertical="center"/>
    </xf>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0" xfId="1" applyFont="1" applyFill="1" applyAlignment="1">
      <alignment horizontal="left" vertical="center" wrapText="1"/>
    </xf>
    <xf numFmtId="0" fontId="5" fillId="2" borderId="0" xfId="1" applyFont="1" applyFill="1" applyAlignment="1">
      <alignment vertical="center" wrapText="1"/>
    </xf>
  </cellXfs>
  <cellStyles count="2">
    <cellStyle name="標準" xfId="0" builtinId="0"/>
    <cellStyle name="標準 2" xfId="1" xr:uid="{979A8E89-19C2-4555-959A-AE97C9C4950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8" Type="http://schemas.openxmlformats.org/officeDocument/2006/relationships/styles" Target="styles.xml" />
  <Relationship Id="rId3" Type="http://schemas.openxmlformats.org/officeDocument/2006/relationships/worksheet" Target="worksheets/sheet3.xml" />
  <Relationship Id="rId7"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6" Type="http://schemas.openxmlformats.org/officeDocument/2006/relationships/externalLink" Target="externalLinks/externalLink3.xml" />
  <Relationship Id="rId5" Type="http://schemas.openxmlformats.org/officeDocument/2006/relationships/externalLink" Target="externalLinks/externalLink2.xml" />
  <Relationship Id="rId4" Type="http://schemas.openxmlformats.org/officeDocument/2006/relationships/externalLink" Target="externalLinks/externalLink1.xml" />
  <Relationship Id="rId9" Type="http://schemas.openxmlformats.org/officeDocument/2006/relationships/sharedStrings" Target="sharedStrings.xml" />
</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927EBE40-004E-4B18-8AF6-C2C86F821593}"/>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08D1F589-917B-4C55-AC97-E06F39E1E5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BE4386EC-BF5B-435E-B8D9-9059479B400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D8256EAC-13F2-48AB-BEC6-2218832BCEE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BCE31663-F9ED-4EA7-9CD1-4B5029AD66B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DDFF01-F552-4C8B-ABCA-B098F828F04B}"/>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9C5592E8-45B6-4302-B4E7-CB5D97C98B0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FE679C95-A9C6-49AA-9A2B-F3B3CDE73AE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6A9EDEA2-E631-4CA9-91EE-3390BA77EC9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3EE597B0-BFF5-4C65-820B-4500B08FB43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30E09000-6DB2-4B5F-926B-3220B519828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64633680-761F-405C-AC0E-1B00ECE818F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53685BC7-AFFA-4602-9A48-9DEC2D05906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A22F6E23-D5C1-4575-BC96-A1DFEABCF525}"/>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B3707B88-F990-4632-8FDB-F6D68FAC89EE}"/>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FFD8B520-73EE-4BCE-A64B-1906A8E889BC}"/>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927BD074-8853-43DA-8E3D-A1CED85E3823}"/>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C89EF6B5-0D14-40C0-9C93-477D1B611C12}"/>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45AB53F4-14FB-4B99-A136-808CABD24F6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C394A577-F4D7-4332-9FDA-E4EE0126D5BA}"/>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EB8BA5EE-C764-4D1D-8EFF-7B791FC117C1}"/>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DE305032-CFC4-4E42-82B0-8C2F560E83CD}"/>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7FA1B8D7-5611-4FB1-B549-89E7B9DF082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185486BC-103E-4B11-A934-6FAA7FABEB61}"/>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09555B2E-8F17-4724-81B6-37957418D70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9FADB773-03EC-419C-BE6B-2BB6EEE8D78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9572927F-2F3F-407A-8EFE-2FAF56F4DBE0}"/>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03218BEE-2ED9-43B9-BFFC-C9D92BC870D9}"/>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5F7C4C09-BA80-4770-ADF3-6F1CEA9131CE}"/>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19C2753A-DE19-4064-94F5-8ED94ED283BE}"/>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0547AA70-CD70-440A-A7D4-603A5C1858CB}"/>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85EE1484-651B-44F4-86C1-87CFF59B465C}"/>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B81B77ED-372C-434D-9FCC-3E6C62F2518A}"/>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71472C37-3FDF-4907-89A9-3DDB38677E49}"/>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C81A34F0-E044-42FD-B1FC-ABAC8131BEE5}"/>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722DD727-78F5-47BD-AD30-80B33CA8B046}"/>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7634D46E-0928-41E6-838D-5A7850BDB8CE}"/>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DF9860CE-2C8D-4DAA-B6FA-04D3737D7417}"/>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D43A2224-7F0C-480E-9A2B-FBE7F2BEB1A9}"/>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15E12D8-EFA1-4FE1-820D-C64848FE51AF}"/>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2615405E-E6AF-498C-B60B-88997F77657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266512CA-343E-4D73-A4EA-8DA0830B681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35133B77-BCF8-4B36-B61B-7DCA9A93FC04}"/>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DF44BEBE-6C3C-400B-BE6B-0C82029C8418}"/>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8063ED3F-9254-42C3-9DA3-130AB1CBF2BB}"/>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A43A8BF7-2867-4081-9392-80C8513F35CC}"/>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6AE854FB-C5A6-40E4-B388-B70D20B2EE5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1A5439A2-31FB-44E6-93FB-60D6ECEAB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9945ABC2-B01A-4B20-AD2F-270BCB6EBFD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E006F454-6FE7-4EAE-8582-17674EFC5D66}"/>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369C9505-4923-4277-804F-268F5F7E888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F0F5E944-927E-4110-B2CA-255AE4EE83E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DAE020B8-9C86-4613-B7E2-A080EE40807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A4DD9F2C-459E-4640-814C-1C6886F3300B}"/>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D74CA10-F206-439B-B29A-A28F06089B34}"/>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3A36AAD6-8B8B-4216-A03E-CFC866B0B667}"/>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DF7394A6-DE57-41EA-96F1-1E0F54415C2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1C50DCB-D76A-4B69-BA95-2C59CBED4A75}"/>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BA40964C-E230-4258-93A2-51A480CA583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521785B4-B980-4DF6-8020-20CA297650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3B97A829-35AE-438A-9328-A5C92D95799C}"/>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EF3BD911-2C49-4298-B542-5A09C3281A7C}"/>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A8614236-98A9-44CD-9B1E-0265C7B19F3E}"/>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2A0F7451-1018-448D-852C-B87B3AE11F94}"/>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255F3A4B-E799-4E1B-9C60-7ACD133DFD52}"/>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FF35C075-11BF-40F5-B7B0-9C4A151C88D2}"/>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89F0B265-F492-452F-A513-89D340E0C80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6155AA9B-EE59-46E4-AAE3-F61B9F17DC3B}"/>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BB45001F-D89E-4785-8216-9765C6022AF5}"/>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30EC16EA-6920-4466-839C-EE4F47ED48EF}"/>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A84DFAFC-2217-4522-96E4-B57E8872A61D}"/>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4C1F2D52-F9E3-4A5E-B4D4-0A150B3827D7}"/>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66536A57-A142-4A9B-A805-46D6166C5084}"/>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6C77A5DC-2B04-4501-B557-E29FB2B8A4D1}"/>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20C09C73-F167-4D57-8278-961CC2E59FB7}"/>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07B44F08-77DE-45D9-9C2D-584361E5C615}"/>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DAD0C693-378B-4909-96EF-B111FA668ED4}"/>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B0D34BF8-764B-444D-B4E2-519821C127BF}"/>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3E1269DE-47A1-4CBA-9956-74B470AD79E4}"/>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AC8D041F-4C93-4F6A-9670-8C9C65ABD15F}"/>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B51AE34E-E871-4FA8-B0EA-FC033A306368}"/>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0A6EA1A4-6B59-4448-8580-30BEE0533115}"/>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C80273DF-E07D-484D-B7F8-E045CA1C7AB2}"/>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974EF5A3-39E6-44B6-A74E-4E78EE02CEE1}"/>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C7B38D6D-EFF3-412C-B810-09C1361D6D65}"/>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075D38B5-AA04-4E76-8127-A64DC18D3922}"/>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078F89CC-4882-4C10-A737-93BBA253F4C5}"/>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A3D2A5A7-56E4-443D-80A0-402F499DB72E}"/>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8A43A3EF-C959-49F2-9B5D-C971DED4B616}"/>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DAE6CF80-94EB-40DE-B09C-F64BD8FE397F}"/>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1D69E5C2-537D-49EA-B560-926CED9E532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0FE3815E-DD04-482A-A29A-7E1DA3C2C9CF}"/>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C8A97280-F007-4D72-A9CE-B4E7BF00E81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4FE046C3-2BE7-485F-A8EC-8EA25089A60C}"/>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D50EFD38-73C7-4F5E-A039-559E8B9EB58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69F6328-FAB3-4EE4-B71B-A7A10BEFC131}"/>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5AC8EF0-414A-4C64-A2AD-29CB1520365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9BC78592-C937-462D-9F8C-F2A76D0F8F2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A1ADEDAE-1AE5-49C2-A30C-5B6823AC7FB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D2549742-A97C-4234-8D87-5F39B542B8B0}"/>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5FAA06EF-7A58-4FAE-83C0-2C534E692DC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A6047D26-238E-493C-9801-05C0D90A48E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03BD8EAA-0693-4E77-9235-3E69699D366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3C7F0BB6-49DD-4145-B048-7A38E3AE4602}"/>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FDA538E4-6424-4527-8CF9-5E8F1790343A}"/>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94F03C72-3AC4-44ED-AF22-CECBB35A7673}"/>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569A7ADE-27F8-456E-A57C-A0A89817EFFC}"/>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2AE1C93-655B-40B7-AEE4-6307D6497ED5}"/>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15EB1154-1D3D-48F5-B7CB-6197D3F241B1}"/>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E66C5FC9-E41D-404C-8191-5E2A11BDC980}"/>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340CB4EE-99A6-4903-8C6E-BA3646ABDFED}"/>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F8D22A97-6A51-4D45-B76B-3E99A28F39C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F6EA11F-8155-47E1-838E-843D02F4014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F822D1AB-6521-49C8-B886-BDA78C34F6E1}"/>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FFAFB6B9-6F87-47FE-8FE2-202262E443B5}"/>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D17E6718-232E-449B-85C5-DC9D78DFEF5D}"/>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A8265FA-96D1-4D6A-9DD6-4AACC04B136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A5BA2139-D563-4C7C-8BDF-20812B29313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29F945D8-A9D9-488D-9B6C-2FABD68C2F6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F998C4CB-8DA3-48A6-B5A8-D43922BAC74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144727F4-548A-485E-8FA2-F148068E23E1}"/>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B886E3F1-D805-4F47-A879-308CD07EC6C9}"/>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70F0DD40-E3A1-41DC-AF15-D7A5AB4E848A}"/>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07EDC6EE-5B4D-4193-985B-7985EBD726A9}"/>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8937412B-4FF8-4A92-B3D9-BC3A2589652F}"/>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0F537496-596C-4E57-8344-1DFF97CB9E7F}"/>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8243AAF1-8EA1-40EC-95DA-CEAC3F6F9CD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05940324-E759-4A0B-B5B7-125356B0EED5}"/>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05545EDA-0530-4A67-B58D-0CAA528FC5B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F22DCD1-1C99-4471-B786-94DEF081DD1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2E2AC180-B36A-4D1D-B2E3-14F7E6E8B153}"/>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B4718D03-84EB-4983-8A0C-69693B834858}"/>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B27AFE1F-2785-4CA7-A643-7E9A8EAF54CE}"/>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4FD56024-2496-4208-B930-4A5B43603F5A}"/>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3729C085-7400-4F12-81B7-8E47AAC4E1E4}"/>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07D8E175-AB39-40F1-8F8E-EEBEE7E9A9E4}"/>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95516B35-610C-4670-8A28-3898D968CA06}"/>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A683FF9D-B3E9-4D93-B5A1-1F3EBF295AB5}"/>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56BBF7F5-C438-4287-90CE-5A9C61EA977B}"/>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4448231E-6BEE-4BB1-B910-07ACC86BDAB2}"/>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B9E932E9-9D28-4F93-986C-F99EC727EBEB}"/>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CA76B685-55F4-4162-9E93-8735FCBB9782}"/>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614E0558-A7CF-48E2-91F4-313A3FC8B8D3}"/>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03BDC05C-4E86-4DBA-B8FA-C6BEECA1ECA1}"/>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0F996AEA-1E44-4C6B-B387-F1ECB500AF10}"/>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AC01B84B-C619-4C2F-8EBD-87E3374BBEB6}"/>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2D24820B-6C71-44D2-92E4-C80125BF09C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3D09A569-7C50-4473-A0B4-414211F34F0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C1CED750-269B-44B0-AB5A-317F5F4FC2E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031E2885-A157-46F8-A1B3-4FA7211774A3}"/>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D1B6EE3E-557F-4138-89E4-C1FCB3E9296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6A56C3D5-ADE8-41FB-BD40-5C1DECA827F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1A04CDE8-4B80-43E0-B8D6-DDD8FEA14E6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33D4B81B-1F87-4D84-8F07-34A8590F7E4D}"/>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CECA1CBA-3FF9-4754-AD0D-AA16267619CB}"/>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CE690CC0-2807-4F62-BD5E-9166B4CD9DB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9FE8B80D-2BAD-41A4-ABE1-5ABE58DD2DF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31F894FF-3C9E-4AF8-8CA9-F7D04D9E80A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0C187D8C-B66A-4239-9800-93C822AFD6A3}"/>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BF925BDE-439F-41A1-B072-35F35D1A8204}"/>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FC1F649E-7116-45E5-BE92-107F5CC19BCF}"/>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522181F6-D88F-483A-A8EE-437C3F21CCD9}"/>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E7ABA4D4-903A-42DD-9F64-0D8059D81BE0}"/>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58A20C8D-E7DF-4D14-B572-D42DF9323B1A}"/>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863787F3-E8B5-4A63-A1FC-42DFB9B368B4}"/>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494AF1D3-7DBC-4E27-9D62-8339DAEA49E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A744385B-6902-4060-B490-7786B15396A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510E2DBF-2BB8-45D7-AE44-651778EA0666}"/>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C9C097D7-D98D-4B64-8CA5-57857A65DD31}"/>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E7F846A8-561B-4818-9CFC-38117C1D44CB}"/>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88A3D928-810B-4697-87AF-62494464F902}"/>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BA2882D5-90E5-4D43-A18D-1FDA2FC9AA2B}"/>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06274026-4C51-4B48-A28C-9BB854A2EB3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4944D4BE-F43D-470E-B176-EFCC06059EE7}"/>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72E0B797-D326-47EB-8CB0-1A1C0CA40B2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F3C27306-14EE-4E35-A3A4-799C8018CB56}"/>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6DC8D6F5-2D89-4A45-A38E-BEF9767E3E0B}"/>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851D57BF-473F-46CC-AED9-F750085DFE8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39552171-E821-42F2-8918-0F4AB58191D2}"/>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7A27231F-DC5D-42C9-9CC9-06D039E22620}"/>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09897544-6236-4855-85AD-18AF6D08C9AE}"/>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20F2330F-FFC0-4CDA-9044-5F77D8842EEE}"/>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DCA0FF25-71D7-4F92-877E-A5F2F031A59B}"/>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9318117C-1495-4765-B458-07D646036FD1}"/>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44DEBFC6-1A70-4DF3-98B7-4F7877305C32}"/>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89DCCDCE-154C-444D-9F25-8D65FBC5D7CD}"/>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097AD073-ACBD-47CA-872D-9A90F1AE6EE4}"/>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FDB05354-9F49-4045-80A7-0BD2400A1465}"/>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9116B517-E7E6-4ABC-B06B-42DA6E4766AA}"/>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60391B02-5384-44D6-9D2D-3BD07BFE1D78}"/>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3BCE8779-EE76-4B37-BFBD-EFAEF9FC358A}"/>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378AC41-7E40-4A7D-942C-7C3F8F830C69}"/>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9A824392-4432-4B25-9799-31EED367827D}"/>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CD6B873F-8022-4552-B99E-261AA554BE82}"/>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AB81787-85FD-4165-84C8-6A6B1CE7463E}"/>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19CDFACD-FDD0-4A11-99CE-383EE2BF59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F94ADEDF-36D0-48E6-A2B2-C9B809976FE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37714288-A9F7-4B75-B536-D92B9D784B3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7A51358F-B226-48D6-AB7C-2FAA31746E05}"/>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65279;<?xml version="1.0" encoding="utf-8" standalone="yes"?>
<Relationships xmlns="http://schemas.openxmlformats.org/package/2006/relationships">
  <Relationship Id="rId1" Type="http://schemas.microsoft.com/office/2006/relationships/xlExternalLinkPath/xlPathMissing" Target="&#22238;&#24489;&#12373;&#12428;&#12383;&#22806;&#37096;&#12522;&#12531;&#12463;1" TargetMode="External" />
</Relationships>
</file>

<file path=xl/externalLinks/_rels/externalLink2.xml.rels>&#65279;<?xml version="1.0" encoding="utf-8" standalone="yes"?>
<Relationships xmlns="http://schemas.openxmlformats.org/package/2006/relationships">
  <Relationship Id="rId1" Type="http://schemas.microsoft.com/office/2006/relationships/xlExternalLinkPath/xlPathMissing" Target="&#22238;&#24489;&#12373;&#12428;&#12383;&#22806;&#37096;&#12522;&#12531;&#12463;2" TargetMode="External" />
</Relationships>
</file>

<file path=xl/externalLinks/_rels/externalLink3.xml.rels>&#65279;<?xml version="1.0" encoding="utf-8" standalone="yes"?>
<Relationships xmlns="http://schemas.openxmlformats.org/package/2006/relationships">
  <Relationship Id="rId1" Type="http://schemas.microsoft.com/office/2006/relationships/xlExternalLinkPath/xlPathMissing" Target="&#22238;&#24489;&#12373;&#12428;&#12383;&#22806;&#37096;&#12522;&#12531;&#12463;3" TargetMode="External" />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
</file>

<file path=xl/worksheets/_rels/sheet2.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A02D28-E50B-46BC-92D9-E078B758BD3A}">
  <sheetPr>
    <pageSetUpPr fitToPage="1"/>
  </sheetPr>
  <dimension ref="A2:AF21"/>
  <sheetViews>
    <sheetView tabSelected="1" view="pageBreakPreview" zoomScale="70" zoomScaleNormal="70" zoomScaleSheetLayoutView="70" workbookViewId="0">
      <selection activeCell="A3" sqref="A3:AF3"/>
    </sheetView>
  </sheetViews>
  <sheetFormatPr defaultRowHeight="13.5" x14ac:dyDescent="0.4"/>
  <cols>
    <col min="1" max="2" width="4.25" style="4" customWidth="1"/>
    <col min="3" max="3" width="25" style="3" customWidth="1"/>
    <col min="4" max="4" width="4.875" style="3" customWidth="1"/>
    <col min="5" max="5" width="41.625" style="3" customWidth="1"/>
    <col min="6" max="6" width="4.875" style="3" customWidth="1"/>
    <col min="7" max="7" width="19.625" style="3" customWidth="1"/>
    <col min="8" max="8" width="33.875" style="3" customWidth="1"/>
    <col min="9" max="14" width="4.875" style="3" customWidth="1"/>
    <col min="15" max="15" width="5.875" style="3" customWidth="1"/>
    <col min="16" max="18" width="4.875" style="3" customWidth="1"/>
    <col min="19" max="19" width="5.625" style="3" customWidth="1"/>
    <col min="20" max="23" width="4.875" style="3" customWidth="1"/>
    <col min="24" max="24" width="6" style="3" customWidth="1"/>
    <col min="25" max="32" width="4.875" style="3" customWidth="1"/>
    <col min="33" max="16384" width="9" style="3"/>
  </cols>
  <sheetData>
    <row r="2" spans="1:32" ht="20.25" customHeight="1" x14ac:dyDescent="0.4">
      <c r="A2" s="1" t="s">
        <v>0</v>
      </c>
      <c r="B2" s="2"/>
    </row>
    <row r="3" spans="1:32" ht="20.25" customHeight="1" x14ac:dyDescent="0.4">
      <c r="A3" s="112" t="s">
        <v>110</v>
      </c>
      <c r="B3" s="112"/>
      <c r="C3" s="112"/>
      <c r="D3" s="112"/>
      <c r="E3" s="112"/>
      <c r="F3" s="112"/>
      <c r="G3" s="112"/>
      <c r="H3" s="112"/>
      <c r="I3" s="112"/>
      <c r="J3" s="112"/>
      <c r="K3" s="112"/>
      <c r="L3" s="112"/>
      <c r="M3" s="112"/>
      <c r="N3" s="112"/>
      <c r="O3" s="112"/>
      <c r="P3" s="112"/>
      <c r="Q3" s="112"/>
      <c r="R3" s="112"/>
      <c r="S3" s="112"/>
      <c r="T3" s="112"/>
      <c r="U3" s="112"/>
      <c r="V3" s="112"/>
      <c r="W3" s="112"/>
      <c r="X3" s="112"/>
      <c r="Y3" s="112"/>
      <c r="Z3" s="112"/>
      <c r="AA3" s="112"/>
      <c r="AB3" s="112"/>
      <c r="AC3" s="112"/>
      <c r="AD3" s="112"/>
      <c r="AE3" s="112"/>
      <c r="AF3" s="112"/>
    </row>
    <row r="4" spans="1:32" ht="20.25" customHeight="1" x14ac:dyDescent="0.4"/>
    <row r="5" spans="1:32" ht="30" customHeight="1" x14ac:dyDescent="0.4">
      <c r="S5" s="113" t="s">
        <v>1</v>
      </c>
      <c r="T5" s="114"/>
      <c r="U5" s="114"/>
      <c r="V5" s="115"/>
      <c r="W5" s="5"/>
      <c r="X5" s="6"/>
      <c r="Y5" s="6"/>
      <c r="Z5" s="6"/>
      <c r="AA5" s="6"/>
      <c r="AB5" s="6"/>
      <c r="AC5" s="6"/>
      <c r="AD5" s="6"/>
      <c r="AE5" s="6"/>
      <c r="AF5" s="7"/>
    </row>
    <row r="6" spans="1:32" ht="20.25" customHeight="1" x14ac:dyDescent="0.4"/>
    <row r="7" spans="1:32" ht="17.25" customHeight="1" x14ac:dyDescent="0.4">
      <c r="A7" s="113" t="s">
        <v>2</v>
      </c>
      <c r="B7" s="114"/>
      <c r="C7" s="115"/>
      <c r="D7" s="113" t="s">
        <v>3</v>
      </c>
      <c r="E7" s="115"/>
      <c r="F7" s="113" t="s">
        <v>4</v>
      </c>
      <c r="G7" s="115"/>
      <c r="H7" s="113" t="s">
        <v>5</v>
      </c>
      <c r="I7" s="114"/>
      <c r="J7" s="114"/>
      <c r="K7" s="114"/>
      <c r="L7" s="114"/>
      <c r="M7" s="114"/>
      <c r="N7" s="114"/>
      <c r="O7" s="114"/>
      <c r="P7" s="114"/>
      <c r="Q7" s="114"/>
      <c r="R7" s="114"/>
      <c r="S7" s="114"/>
      <c r="T7" s="114"/>
      <c r="U7" s="114"/>
      <c r="V7" s="114"/>
      <c r="W7" s="114"/>
      <c r="X7" s="115"/>
      <c r="Y7" s="113" t="s">
        <v>6</v>
      </c>
      <c r="Z7" s="114"/>
      <c r="AA7" s="114"/>
      <c r="AB7" s="115"/>
      <c r="AC7" s="113" t="s">
        <v>7</v>
      </c>
      <c r="AD7" s="114"/>
      <c r="AE7" s="114"/>
      <c r="AF7" s="115"/>
    </row>
    <row r="8" spans="1:32" ht="18.75" customHeight="1" x14ac:dyDescent="0.4">
      <c r="A8" s="98" t="s">
        <v>8</v>
      </c>
      <c r="B8" s="99"/>
      <c r="C8" s="100"/>
      <c r="D8" s="98"/>
      <c r="E8" s="100"/>
      <c r="F8" s="98"/>
      <c r="G8" s="100"/>
      <c r="H8" s="104" t="s">
        <v>9</v>
      </c>
      <c r="I8" s="8" t="s">
        <v>10</v>
      </c>
      <c r="J8" s="9" t="s">
        <v>11</v>
      </c>
      <c r="K8" s="10"/>
      <c r="L8" s="10"/>
      <c r="M8" s="8" t="s">
        <v>10</v>
      </c>
      <c r="N8" s="9" t="s">
        <v>12</v>
      </c>
      <c r="O8" s="10"/>
      <c r="P8" s="10"/>
      <c r="Q8" s="8" t="s">
        <v>10</v>
      </c>
      <c r="R8" s="9" t="s">
        <v>13</v>
      </c>
      <c r="S8" s="10"/>
      <c r="T8" s="10"/>
      <c r="U8" s="8" t="s">
        <v>10</v>
      </c>
      <c r="V8" s="9" t="s">
        <v>14</v>
      </c>
      <c r="W8" s="10"/>
      <c r="X8" s="11"/>
      <c r="Y8" s="106"/>
      <c r="Z8" s="107"/>
      <c r="AA8" s="107"/>
      <c r="AB8" s="108"/>
      <c r="AC8" s="106"/>
      <c r="AD8" s="107"/>
      <c r="AE8" s="107"/>
      <c r="AF8" s="108"/>
    </row>
    <row r="9" spans="1:32" ht="18.75" customHeight="1" x14ac:dyDescent="0.4">
      <c r="A9" s="101"/>
      <c r="B9" s="102"/>
      <c r="C9" s="103"/>
      <c r="D9" s="101"/>
      <c r="E9" s="103"/>
      <c r="F9" s="101"/>
      <c r="G9" s="103"/>
      <c r="H9" s="105"/>
      <c r="I9" s="12" t="s">
        <v>10</v>
      </c>
      <c r="J9" s="13" t="s">
        <v>15</v>
      </c>
      <c r="K9" s="14"/>
      <c r="L9" s="14"/>
      <c r="M9" s="8" t="s">
        <v>10</v>
      </c>
      <c r="N9" s="13" t="s">
        <v>16</v>
      </c>
      <c r="O9" s="14"/>
      <c r="P9" s="14"/>
      <c r="Q9" s="8" t="s">
        <v>10</v>
      </c>
      <c r="R9" s="13" t="s">
        <v>17</v>
      </c>
      <c r="S9" s="14"/>
      <c r="T9" s="14"/>
      <c r="U9" s="8" t="s">
        <v>10</v>
      </c>
      <c r="V9" s="13" t="s">
        <v>18</v>
      </c>
      <c r="W9" s="14"/>
      <c r="X9" s="15"/>
      <c r="Y9" s="109"/>
      <c r="Z9" s="110"/>
      <c r="AA9" s="110"/>
      <c r="AB9" s="111"/>
      <c r="AC9" s="109"/>
      <c r="AD9" s="110"/>
      <c r="AE9" s="110"/>
      <c r="AF9" s="111"/>
    </row>
    <row r="10" spans="1:32" ht="18.75" customHeight="1" x14ac:dyDescent="0.4">
      <c r="A10" s="16"/>
      <c r="B10" s="17"/>
      <c r="C10" s="18"/>
      <c r="D10" s="19"/>
      <c r="E10" s="11"/>
      <c r="F10" s="60"/>
      <c r="G10" s="20"/>
      <c r="H10" s="88" t="s">
        <v>31</v>
      </c>
      <c r="I10" s="90" t="s">
        <v>10</v>
      </c>
      <c r="J10" s="93" t="s">
        <v>21</v>
      </c>
      <c r="K10" s="93"/>
      <c r="L10" s="95" t="s">
        <v>10</v>
      </c>
      <c r="M10" s="93" t="s">
        <v>25</v>
      </c>
      <c r="N10" s="93"/>
      <c r="O10" s="93"/>
      <c r="P10" s="21"/>
      <c r="Q10" s="21"/>
      <c r="R10" s="21"/>
      <c r="S10" s="21"/>
      <c r="T10" s="21"/>
      <c r="U10" s="21"/>
      <c r="V10" s="21"/>
      <c r="W10" s="21"/>
      <c r="X10" s="22"/>
      <c r="Y10" s="54" t="s">
        <v>10</v>
      </c>
      <c r="Z10" s="9" t="s">
        <v>19</v>
      </c>
      <c r="AA10" s="9"/>
      <c r="AB10" s="23"/>
      <c r="AC10" s="76"/>
      <c r="AD10" s="76"/>
      <c r="AE10" s="76"/>
      <c r="AF10" s="76"/>
    </row>
    <row r="11" spans="1:32" ht="18.75" customHeight="1" x14ac:dyDescent="0.4">
      <c r="A11" s="24"/>
      <c r="B11" s="25"/>
      <c r="C11" s="26"/>
      <c r="D11" s="27"/>
      <c r="E11" s="15"/>
      <c r="F11" s="61"/>
      <c r="G11" s="28"/>
      <c r="H11" s="89"/>
      <c r="I11" s="91"/>
      <c r="J11" s="94"/>
      <c r="K11" s="94"/>
      <c r="L11" s="96"/>
      <c r="M11" s="94"/>
      <c r="N11" s="94"/>
      <c r="O11" s="94"/>
      <c r="P11" s="62"/>
      <c r="Q11" s="62"/>
      <c r="R11" s="62"/>
      <c r="S11" s="62"/>
      <c r="T11" s="62"/>
      <c r="U11" s="62"/>
      <c r="V11" s="62"/>
      <c r="W11" s="62"/>
      <c r="X11" s="63"/>
      <c r="Y11" s="12" t="s">
        <v>10</v>
      </c>
      <c r="Z11" s="13" t="s">
        <v>20</v>
      </c>
      <c r="AA11" s="13"/>
      <c r="AB11" s="31"/>
      <c r="AC11" s="77"/>
      <c r="AD11" s="77"/>
      <c r="AE11" s="77"/>
      <c r="AF11" s="77"/>
    </row>
    <row r="12" spans="1:32" ht="21.75" customHeight="1" x14ac:dyDescent="0.4">
      <c r="A12" s="24"/>
      <c r="B12" s="25"/>
      <c r="C12" s="26"/>
      <c r="D12" s="27"/>
      <c r="E12" s="15"/>
      <c r="F12" s="61"/>
      <c r="G12" s="28"/>
      <c r="H12" s="81"/>
      <c r="I12" s="92"/>
      <c r="J12" s="85"/>
      <c r="K12" s="85"/>
      <c r="L12" s="97"/>
      <c r="M12" s="85"/>
      <c r="N12" s="85"/>
      <c r="O12" s="85"/>
      <c r="P12" s="40"/>
      <c r="Q12" s="40"/>
      <c r="R12" s="40"/>
      <c r="S12" s="40"/>
      <c r="T12" s="40"/>
      <c r="U12" s="40"/>
      <c r="V12" s="40"/>
      <c r="W12" s="40"/>
      <c r="X12" s="41"/>
      <c r="Y12" s="12"/>
      <c r="Z12" s="13"/>
      <c r="AA12" s="13"/>
      <c r="AB12" s="31"/>
      <c r="AC12" s="77"/>
      <c r="AD12" s="77"/>
      <c r="AE12" s="77"/>
      <c r="AF12" s="77"/>
    </row>
    <row r="13" spans="1:32" ht="18.75" customHeight="1" x14ac:dyDescent="0.4">
      <c r="A13" s="24"/>
      <c r="B13" s="25"/>
      <c r="C13" s="26"/>
      <c r="D13" s="27"/>
      <c r="E13" s="15"/>
      <c r="F13" s="61"/>
      <c r="G13" s="63"/>
      <c r="H13" s="56" t="s">
        <v>30</v>
      </c>
      <c r="I13" s="34" t="s">
        <v>10</v>
      </c>
      <c r="J13" s="35" t="s">
        <v>21</v>
      </c>
      <c r="K13" s="36"/>
      <c r="L13" s="37" t="s">
        <v>10</v>
      </c>
      <c r="M13" s="35" t="s">
        <v>25</v>
      </c>
      <c r="N13" s="36"/>
      <c r="O13" s="36"/>
      <c r="P13" s="36"/>
      <c r="Q13" s="36"/>
      <c r="R13" s="36"/>
      <c r="S13" s="36"/>
      <c r="T13" s="36"/>
      <c r="U13" s="36"/>
      <c r="V13" s="36"/>
      <c r="W13" s="36"/>
      <c r="X13" s="39"/>
      <c r="Y13" s="30"/>
      <c r="Z13" s="13"/>
      <c r="AA13" s="30"/>
      <c r="AB13" s="31"/>
      <c r="AC13" s="78"/>
      <c r="AD13" s="78"/>
      <c r="AE13" s="78"/>
      <c r="AF13" s="78"/>
    </row>
    <row r="14" spans="1:32" ht="18.75" customHeight="1" x14ac:dyDescent="0.4">
      <c r="A14" s="12" t="s">
        <v>10</v>
      </c>
      <c r="B14" s="25">
        <v>43</v>
      </c>
      <c r="C14" s="26" t="s">
        <v>32</v>
      </c>
      <c r="D14" s="27"/>
      <c r="E14" s="15"/>
      <c r="F14" s="61"/>
      <c r="G14" s="63"/>
      <c r="H14" s="80" t="s">
        <v>28</v>
      </c>
      <c r="I14" s="82" t="s">
        <v>10</v>
      </c>
      <c r="J14" s="84" t="s">
        <v>26</v>
      </c>
      <c r="K14" s="84"/>
      <c r="L14" s="84"/>
      <c r="M14" s="82" t="s">
        <v>10</v>
      </c>
      <c r="N14" s="84" t="s">
        <v>27</v>
      </c>
      <c r="O14" s="84"/>
      <c r="P14" s="84"/>
      <c r="Q14" s="57"/>
      <c r="R14" s="57"/>
      <c r="S14" s="57"/>
      <c r="T14" s="57"/>
      <c r="U14" s="57"/>
      <c r="V14" s="57"/>
      <c r="W14" s="57"/>
      <c r="X14" s="58"/>
      <c r="Y14" s="30"/>
      <c r="Z14" s="13"/>
      <c r="AA14" s="30"/>
      <c r="AB14" s="31"/>
      <c r="AC14" s="78"/>
      <c r="AD14" s="78"/>
      <c r="AE14" s="78"/>
      <c r="AF14" s="78"/>
    </row>
    <row r="15" spans="1:32" ht="18.75" customHeight="1" x14ac:dyDescent="0.4">
      <c r="A15" s="24"/>
      <c r="B15" s="25"/>
      <c r="C15" s="26"/>
      <c r="D15" s="27"/>
      <c r="E15" s="15"/>
      <c r="F15" s="61"/>
      <c r="G15" s="63"/>
      <c r="H15" s="81"/>
      <c r="I15" s="83"/>
      <c r="J15" s="85"/>
      <c r="K15" s="85"/>
      <c r="L15" s="85"/>
      <c r="M15" s="83"/>
      <c r="N15" s="85"/>
      <c r="O15" s="85"/>
      <c r="P15" s="85"/>
      <c r="Q15" s="40"/>
      <c r="R15" s="40"/>
      <c r="S15" s="40"/>
      <c r="T15" s="40"/>
      <c r="U15" s="40"/>
      <c r="V15" s="40"/>
      <c r="W15" s="40"/>
      <c r="X15" s="41"/>
      <c r="Y15" s="33"/>
      <c r="Z15" s="30"/>
      <c r="AA15" s="30"/>
      <c r="AB15" s="31"/>
      <c r="AC15" s="78"/>
      <c r="AD15" s="78"/>
      <c r="AE15" s="78"/>
      <c r="AF15" s="78"/>
    </row>
    <row r="16" spans="1:32" ht="18.75" customHeight="1" x14ac:dyDescent="0.4">
      <c r="A16" s="24"/>
      <c r="B16" s="25"/>
      <c r="C16" s="26"/>
      <c r="D16" s="27"/>
      <c r="E16" s="15"/>
      <c r="F16" s="61"/>
      <c r="G16" s="63"/>
      <c r="H16" s="80" t="s">
        <v>29</v>
      </c>
      <c r="I16" s="86" t="s">
        <v>10</v>
      </c>
      <c r="J16" s="75" t="s">
        <v>26</v>
      </c>
      <c r="K16" s="75"/>
      <c r="L16" s="75"/>
      <c r="M16" s="87" t="s">
        <v>10</v>
      </c>
      <c r="N16" s="75" t="s">
        <v>33</v>
      </c>
      <c r="O16" s="75"/>
      <c r="P16" s="75"/>
      <c r="Q16" s="57"/>
      <c r="R16" s="57"/>
      <c r="S16" s="57"/>
      <c r="T16" s="57"/>
      <c r="U16" s="57"/>
      <c r="V16" s="57"/>
      <c r="W16" s="57"/>
      <c r="X16" s="58"/>
      <c r="Y16" s="33"/>
      <c r="Z16" s="30"/>
      <c r="AA16" s="30"/>
      <c r="AB16" s="31"/>
      <c r="AC16" s="78"/>
      <c r="AD16" s="78"/>
      <c r="AE16" s="78"/>
      <c r="AF16" s="78"/>
    </row>
    <row r="17" spans="1:32" ht="18.75" customHeight="1" x14ac:dyDescent="0.4">
      <c r="A17" s="24"/>
      <c r="B17" s="25"/>
      <c r="C17" s="26"/>
      <c r="D17" s="27"/>
      <c r="E17" s="15"/>
      <c r="F17" s="61"/>
      <c r="G17" s="63"/>
      <c r="H17" s="81"/>
      <c r="I17" s="86"/>
      <c r="J17" s="75"/>
      <c r="K17" s="75"/>
      <c r="L17" s="75"/>
      <c r="M17" s="87"/>
      <c r="N17" s="75"/>
      <c r="O17" s="75"/>
      <c r="P17" s="75"/>
      <c r="Q17" s="40"/>
      <c r="R17" s="40"/>
      <c r="S17" s="40"/>
      <c r="T17" s="40"/>
      <c r="U17" s="40"/>
      <c r="V17" s="40"/>
      <c r="W17" s="40"/>
      <c r="X17" s="41"/>
      <c r="Y17" s="33"/>
      <c r="Z17" s="30"/>
      <c r="AA17" s="30"/>
      <c r="AB17" s="31"/>
      <c r="AC17" s="78"/>
      <c r="AD17" s="78"/>
      <c r="AE17" s="78"/>
      <c r="AF17" s="78"/>
    </row>
    <row r="18" spans="1:32" ht="18.75" customHeight="1" x14ac:dyDescent="0.4">
      <c r="A18" s="24"/>
      <c r="B18" s="25"/>
      <c r="C18" s="26"/>
      <c r="D18" s="27"/>
      <c r="E18" s="15"/>
      <c r="F18" s="61"/>
      <c r="G18" s="63"/>
      <c r="H18" s="56" t="s">
        <v>34</v>
      </c>
      <c r="I18" s="34" t="s">
        <v>10</v>
      </c>
      <c r="J18" s="35" t="s">
        <v>21</v>
      </c>
      <c r="K18" s="36"/>
      <c r="L18" s="37" t="s">
        <v>10</v>
      </c>
      <c r="M18" s="35" t="s">
        <v>25</v>
      </c>
      <c r="N18" s="36"/>
      <c r="O18" s="36"/>
      <c r="P18" s="36"/>
      <c r="Q18" s="36"/>
      <c r="R18" s="36"/>
      <c r="S18" s="36"/>
      <c r="T18" s="36"/>
      <c r="U18" s="36"/>
      <c r="V18" s="36"/>
      <c r="W18" s="36"/>
      <c r="X18" s="39"/>
      <c r="Y18" s="33"/>
      <c r="Z18" s="30"/>
      <c r="AA18" s="30"/>
      <c r="AB18" s="31"/>
      <c r="AC18" s="78"/>
      <c r="AD18" s="78"/>
      <c r="AE18" s="78"/>
      <c r="AF18" s="78"/>
    </row>
    <row r="19" spans="1:32" ht="18.75" customHeight="1" x14ac:dyDescent="0.4">
      <c r="A19" s="24"/>
      <c r="B19" s="25"/>
      <c r="C19" s="26"/>
      <c r="D19" s="27"/>
      <c r="E19" s="15"/>
      <c r="F19" s="61"/>
      <c r="G19" s="63"/>
      <c r="H19" s="56" t="s">
        <v>35</v>
      </c>
      <c r="I19" s="34" t="s">
        <v>10</v>
      </c>
      <c r="J19" s="35" t="s">
        <v>21</v>
      </c>
      <c r="K19" s="35"/>
      <c r="L19" s="37" t="s">
        <v>10</v>
      </c>
      <c r="M19" s="35" t="s">
        <v>22</v>
      </c>
      <c r="N19" s="35"/>
      <c r="O19" s="37" t="s">
        <v>10</v>
      </c>
      <c r="P19" s="35" t="s">
        <v>23</v>
      </c>
      <c r="Q19" s="55"/>
      <c r="R19" s="37" t="s">
        <v>10</v>
      </c>
      <c r="S19" s="35" t="s">
        <v>24</v>
      </c>
      <c r="T19" s="36"/>
      <c r="U19" s="37" t="s">
        <v>10</v>
      </c>
      <c r="V19" s="35" t="s">
        <v>36</v>
      </c>
      <c r="W19" s="36"/>
      <c r="X19" s="39"/>
      <c r="Y19" s="33"/>
      <c r="Z19" s="30"/>
      <c r="AA19" s="30"/>
      <c r="AB19" s="31"/>
      <c r="AC19" s="78"/>
      <c r="AD19" s="78"/>
      <c r="AE19" s="78"/>
      <c r="AF19" s="78"/>
    </row>
    <row r="20" spans="1:32" ht="18.75" customHeight="1" x14ac:dyDescent="0.4">
      <c r="A20" s="24"/>
      <c r="B20" s="25"/>
      <c r="C20" s="26"/>
      <c r="D20" s="27"/>
      <c r="E20" s="15"/>
      <c r="F20" s="61"/>
      <c r="G20" s="63"/>
      <c r="H20" s="38" t="s">
        <v>37</v>
      </c>
      <c r="I20" s="34" t="s">
        <v>10</v>
      </c>
      <c r="J20" s="35" t="s">
        <v>21</v>
      </c>
      <c r="K20" s="36"/>
      <c r="L20" s="37" t="s">
        <v>10</v>
      </c>
      <c r="M20" s="35" t="s">
        <v>25</v>
      </c>
      <c r="N20" s="36"/>
      <c r="O20" s="36"/>
      <c r="P20" s="36"/>
      <c r="Q20" s="36"/>
      <c r="R20" s="36"/>
      <c r="S20" s="36"/>
      <c r="T20" s="36"/>
      <c r="U20" s="36"/>
      <c r="V20" s="36"/>
      <c r="W20" s="36"/>
      <c r="X20" s="39"/>
      <c r="Y20" s="33"/>
      <c r="Z20" s="30"/>
      <c r="AA20" s="30"/>
      <c r="AB20" s="31"/>
      <c r="AC20" s="78"/>
      <c r="AD20" s="78"/>
      <c r="AE20" s="78"/>
      <c r="AF20" s="78"/>
    </row>
    <row r="21" spans="1:32" ht="18.75" customHeight="1" x14ac:dyDescent="0.4">
      <c r="A21" s="42"/>
      <c r="B21" s="43"/>
      <c r="C21" s="44"/>
      <c r="D21" s="45"/>
      <c r="E21" s="46"/>
      <c r="F21" s="64"/>
      <c r="G21" s="59"/>
      <c r="H21" s="47" t="s">
        <v>38</v>
      </c>
      <c r="I21" s="48" t="s">
        <v>10</v>
      </c>
      <c r="J21" s="49" t="s">
        <v>21</v>
      </c>
      <c r="K21" s="65"/>
      <c r="L21" s="50" t="s">
        <v>10</v>
      </c>
      <c r="M21" s="49" t="s">
        <v>25</v>
      </c>
      <c r="N21" s="65"/>
      <c r="O21" s="65"/>
      <c r="P21" s="65"/>
      <c r="Q21" s="65"/>
      <c r="R21" s="65"/>
      <c r="S21" s="65"/>
      <c r="T21" s="65"/>
      <c r="U21" s="65"/>
      <c r="V21" s="65"/>
      <c r="W21" s="65"/>
      <c r="X21" s="66"/>
      <c r="Y21" s="51"/>
      <c r="Z21" s="52"/>
      <c r="AA21" s="52"/>
      <c r="AB21" s="53"/>
      <c r="AC21" s="79"/>
      <c r="AD21" s="79"/>
      <c r="AE21" s="79"/>
      <c r="AF21" s="79"/>
    </row>
  </sheetData>
  <mergeCells count="30">
    <mergeCell ref="AC8:AF9"/>
    <mergeCell ref="A3:AF3"/>
    <mergeCell ref="S5:V5"/>
    <mergeCell ref="A7:C7"/>
    <mergeCell ref="D7:E7"/>
    <mergeCell ref="F7:G7"/>
    <mergeCell ref="H7:X7"/>
    <mergeCell ref="Y7:AB7"/>
    <mergeCell ref="AC7:AF7"/>
    <mergeCell ref="A8:C9"/>
    <mergeCell ref="D8:E9"/>
    <mergeCell ref="F8:G9"/>
    <mergeCell ref="H8:H9"/>
    <mergeCell ref="Y8:AB9"/>
    <mergeCell ref="N16:P17"/>
    <mergeCell ref="AC10:AF21"/>
    <mergeCell ref="H14:H15"/>
    <mergeCell ref="I14:I15"/>
    <mergeCell ref="J14:L15"/>
    <mergeCell ref="M14:M15"/>
    <mergeCell ref="N14:P15"/>
    <mergeCell ref="H16:H17"/>
    <mergeCell ref="I16:I17"/>
    <mergeCell ref="J16:L17"/>
    <mergeCell ref="M16:M17"/>
    <mergeCell ref="H10:H12"/>
    <mergeCell ref="I10:I12"/>
    <mergeCell ref="J10:K12"/>
    <mergeCell ref="L10:L12"/>
    <mergeCell ref="M10:O12"/>
  </mergeCells>
  <phoneticPr fontId="3"/>
  <dataValidations count="1">
    <dataValidation type="list" allowBlank="1" showInputMessage="1" showErrorMessage="1" sqref="M8:M9 Q8:Q9 U8:U9 M14:M17 O19 R19 U19 A14 L13 L10 L18:L21 Y10:Y12 I8:I9" xr:uid="{63A6B055-5D58-455E-AA3A-81D58E266E97}">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486975-1CFF-4E34-A67F-0E4D5D988709}">
  <sheetPr>
    <pageSetUpPr fitToPage="1"/>
  </sheetPr>
  <dimension ref="A1:S88"/>
  <sheetViews>
    <sheetView view="pageBreakPreview" topLeftCell="A19" zoomScaleNormal="100" zoomScaleSheetLayoutView="100" workbookViewId="0">
      <selection activeCell="F61" sqref="F61"/>
    </sheetView>
  </sheetViews>
  <sheetFormatPr defaultRowHeight="20.25" customHeight="1" x14ac:dyDescent="0.4"/>
  <cols>
    <col min="1" max="1" width="2.375" style="4" customWidth="1"/>
    <col min="2" max="2" width="25" style="3" bestFit="1" customWidth="1"/>
    <col min="3" max="3" width="41.75" style="3" customWidth="1"/>
    <col min="4" max="4" width="15.25" style="3" customWidth="1"/>
    <col min="5" max="5" width="44.25" style="3" customWidth="1"/>
    <col min="6" max="6" width="42" style="3" customWidth="1"/>
    <col min="7" max="7" width="22.5" style="3" customWidth="1"/>
    <col min="8" max="12" width="5.375" style="3" customWidth="1"/>
    <col min="13" max="13" width="6.5" style="3" customWidth="1"/>
    <col min="14" max="17" width="5.375" style="3" customWidth="1"/>
    <col min="18" max="16384" width="9" style="3"/>
  </cols>
  <sheetData>
    <row r="1" spans="1:11" ht="20.25" customHeight="1" x14ac:dyDescent="0.15">
      <c r="A1" s="69"/>
      <c r="B1" s="70" t="s">
        <v>39</v>
      </c>
      <c r="C1" s="69"/>
      <c r="D1" s="69"/>
      <c r="E1" s="69"/>
      <c r="F1" s="69"/>
      <c r="G1" s="69"/>
      <c r="H1" s="69"/>
      <c r="I1" s="69"/>
      <c r="J1" s="69"/>
      <c r="K1" s="69"/>
    </row>
    <row r="3" spans="1:11" ht="20.25" customHeight="1" x14ac:dyDescent="0.15">
      <c r="A3" s="67"/>
      <c r="B3" s="13" t="s">
        <v>40</v>
      </c>
      <c r="C3" s="68"/>
      <c r="D3" s="68"/>
      <c r="E3" s="68"/>
      <c r="F3" s="68"/>
      <c r="G3" s="68"/>
      <c r="H3" s="68"/>
      <c r="I3" s="68"/>
      <c r="J3" s="68"/>
      <c r="K3" s="68"/>
    </row>
    <row r="4" spans="1:11" ht="20.25" customHeight="1" x14ac:dyDescent="0.15">
      <c r="A4" s="67"/>
      <c r="B4" s="13" t="s">
        <v>41</v>
      </c>
      <c r="C4" s="68"/>
      <c r="D4" s="68"/>
      <c r="E4" s="68"/>
      <c r="F4" s="68"/>
      <c r="G4" s="68"/>
      <c r="H4" s="68"/>
      <c r="I4" s="68"/>
      <c r="J4" s="68"/>
      <c r="K4" s="68"/>
    </row>
    <row r="5" spans="1:11" ht="20.25" customHeight="1" x14ac:dyDescent="0.15">
      <c r="A5" s="67"/>
      <c r="B5" s="13" t="s">
        <v>42</v>
      </c>
      <c r="C5" s="68"/>
      <c r="D5" s="68"/>
      <c r="E5" s="68"/>
      <c r="F5" s="68"/>
      <c r="G5" s="68"/>
      <c r="H5" s="68"/>
      <c r="I5" s="68"/>
      <c r="J5" s="68"/>
      <c r="K5" s="68"/>
    </row>
    <row r="6" spans="1:11" ht="20.25" customHeight="1" x14ac:dyDescent="0.15">
      <c r="A6" s="67"/>
      <c r="B6" s="13" t="s">
        <v>43</v>
      </c>
      <c r="C6" s="68"/>
      <c r="D6" s="68"/>
      <c r="E6" s="68"/>
      <c r="F6" s="68"/>
      <c r="G6" s="68"/>
      <c r="H6" s="68"/>
      <c r="I6" s="68"/>
      <c r="J6" s="68"/>
      <c r="K6" s="68"/>
    </row>
    <row r="7" spans="1:11" ht="20.25" customHeight="1" x14ac:dyDescent="0.15">
      <c r="A7" s="67"/>
      <c r="B7" s="13" t="s">
        <v>44</v>
      </c>
      <c r="C7" s="68"/>
      <c r="D7" s="68"/>
      <c r="E7" s="68"/>
      <c r="F7" s="68"/>
      <c r="G7" s="68"/>
      <c r="H7" s="68"/>
      <c r="I7" s="68"/>
      <c r="J7" s="68"/>
      <c r="K7" s="68"/>
    </row>
    <row r="8" spans="1:11" ht="20.25" customHeight="1" x14ac:dyDescent="0.15">
      <c r="A8" s="67"/>
      <c r="B8" s="13" t="s">
        <v>45</v>
      </c>
      <c r="C8" s="68"/>
      <c r="D8" s="68"/>
      <c r="E8" s="68"/>
      <c r="F8" s="68"/>
      <c r="G8" s="68"/>
      <c r="H8" s="68"/>
      <c r="I8" s="68"/>
      <c r="J8" s="68"/>
      <c r="K8" s="68"/>
    </row>
    <row r="9" spans="1:11" ht="20.25" customHeight="1" x14ac:dyDescent="0.15">
      <c r="A9" s="67"/>
      <c r="B9" s="13" t="s">
        <v>46</v>
      </c>
      <c r="C9" s="13"/>
      <c r="D9" s="13"/>
      <c r="E9" s="13"/>
      <c r="F9" s="13"/>
      <c r="G9" s="13"/>
      <c r="H9" s="13"/>
      <c r="I9" s="13"/>
      <c r="J9" s="13"/>
      <c r="K9" s="68"/>
    </row>
    <row r="10" spans="1:11" ht="20.25" customHeight="1" x14ac:dyDescent="0.15">
      <c r="A10" s="67"/>
      <c r="B10" s="13" t="s">
        <v>47</v>
      </c>
      <c r="C10" s="68"/>
      <c r="D10" s="68"/>
      <c r="E10" s="68"/>
      <c r="F10" s="68"/>
      <c r="G10" s="68"/>
      <c r="H10" s="68"/>
      <c r="I10" s="68"/>
      <c r="J10" s="68"/>
      <c r="K10" s="68"/>
    </row>
    <row r="11" spans="1:11" ht="20.25" customHeight="1" x14ac:dyDescent="0.15">
      <c r="A11" s="67"/>
      <c r="B11" s="13" t="s">
        <v>48</v>
      </c>
      <c r="C11" s="68"/>
      <c r="D11" s="68"/>
      <c r="E11" s="68"/>
      <c r="F11" s="68"/>
      <c r="G11" s="68"/>
      <c r="H11" s="68"/>
      <c r="I11" s="68"/>
      <c r="J11" s="68"/>
      <c r="K11" s="68"/>
    </row>
    <row r="12" spans="1:11" ht="20.25" customHeight="1" x14ac:dyDescent="0.15">
      <c r="A12" s="67"/>
      <c r="B12" s="13" t="s">
        <v>49</v>
      </c>
      <c r="C12" s="68"/>
      <c r="D12" s="68"/>
      <c r="E12" s="68"/>
      <c r="F12" s="68"/>
      <c r="G12" s="68"/>
      <c r="H12" s="68"/>
      <c r="I12" s="68"/>
      <c r="J12" s="68"/>
      <c r="K12" s="68"/>
    </row>
    <row r="13" spans="1:11" ht="20.25" customHeight="1" x14ac:dyDescent="0.15">
      <c r="A13" s="69"/>
      <c r="B13" s="13" t="s">
        <v>50</v>
      </c>
      <c r="C13" s="69"/>
      <c r="D13" s="69"/>
      <c r="E13" s="69"/>
      <c r="F13" s="69"/>
      <c r="G13" s="69"/>
      <c r="H13" s="69"/>
      <c r="I13" s="69"/>
      <c r="J13" s="69"/>
      <c r="K13" s="69"/>
    </row>
    <row r="14" spans="1:11" ht="48" customHeight="1" x14ac:dyDescent="0.15">
      <c r="A14" s="69"/>
      <c r="B14" s="116" t="s">
        <v>51</v>
      </c>
      <c r="C14" s="94"/>
      <c r="D14" s="94"/>
      <c r="E14" s="94"/>
      <c r="F14" s="94"/>
      <c r="G14" s="94"/>
      <c r="H14" s="94"/>
      <c r="I14" s="94"/>
      <c r="J14" s="94"/>
      <c r="K14" s="94"/>
    </row>
    <row r="15" spans="1:11" ht="21" customHeight="1" x14ac:dyDescent="0.15">
      <c r="A15" s="69"/>
      <c r="B15" s="116" t="s">
        <v>52</v>
      </c>
      <c r="C15" s="116"/>
      <c r="D15" s="116"/>
      <c r="E15" s="116"/>
      <c r="F15" s="116"/>
      <c r="G15" s="116"/>
    </row>
    <row r="16" spans="1:11" ht="20.25" customHeight="1" x14ac:dyDescent="0.15">
      <c r="A16" s="69"/>
      <c r="B16" s="13" t="s">
        <v>53</v>
      </c>
      <c r="C16" s="69"/>
      <c r="D16" s="69"/>
      <c r="E16" s="69"/>
      <c r="F16" s="69"/>
      <c r="G16" s="69"/>
      <c r="H16" s="69"/>
      <c r="I16" s="69"/>
      <c r="J16" s="69"/>
      <c r="K16" s="69"/>
    </row>
    <row r="17" spans="1:19" ht="20.25" customHeight="1" x14ac:dyDescent="0.15">
      <c r="A17" s="69"/>
      <c r="B17" s="13" t="s">
        <v>54</v>
      </c>
      <c r="C17" s="69"/>
      <c r="D17" s="69"/>
      <c r="E17" s="69"/>
      <c r="F17" s="69"/>
      <c r="G17" s="69"/>
      <c r="H17" s="69"/>
      <c r="I17" s="69"/>
      <c r="J17" s="69"/>
      <c r="K17" s="69"/>
    </row>
    <row r="18" spans="1:19" ht="20.25" customHeight="1" x14ac:dyDescent="0.15">
      <c r="A18" s="69"/>
      <c r="B18" s="13" t="s">
        <v>55</v>
      </c>
      <c r="C18" s="69"/>
      <c r="D18" s="69"/>
      <c r="E18" s="69"/>
      <c r="F18" s="69"/>
      <c r="G18" s="69"/>
      <c r="H18" s="69"/>
      <c r="I18" s="69"/>
      <c r="J18" s="69"/>
      <c r="K18" s="69"/>
    </row>
    <row r="19" spans="1:19" ht="20.25" customHeight="1" x14ac:dyDescent="0.15">
      <c r="A19" s="69"/>
      <c r="B19" s="13" t="s">
        <v>56</v>
      </c>
      <c r="C19" s="69"/>
      <c r="D19" s="69"/>
      <c r="E19" s="69"/>
      <c r="F19" s="69"/>
      <c r="G19" s="69"/>
      <c r="H19" s="69"/>
      <c r="I19" s="69"/>
      <c r="J19" s="69"/>
      <c r="K19" s="69"/>
    </row>
    <row r="20" spans="1:19" ht="20.25" customHeight="1" x14ac:dyDescent="0.15">
      <c r="A20" s="69"/>
      <c r="B20" s="13" t="s">
        <v>57</v>
      </c>
      <c r="C20" s="69"/>
      <c r="D20" s="69"/>
      <c r="E20" s="69"/>
      <c r="F20" s="69"/>
      <c r="G20" s="69"/>
    </row>
    <row r="21" spans="1:19" ht="20.25" customHeight="1" x14ac:dyDescent="0.15">
      <c r="A21" s="69"/>
      <c r="B21" s="13" t="s">
        <v>58</v>
      </c>
      <c r="C21" s="69"/>
      <c r="D21" s="69"/>
      <c r="E21" s="69"/>
      <c r="F21" s="69"/>
      <c r="G21" s="69"/>
    </row>
    <row r="22" spans="1:19" ht="20.25" customHeight="1" x14ac:dyDescent="0.15">
      <c r="A22" s="69"/>
      <c r="B22" s="13" t="s">
        <v>59</v>
      </c>
      <c r="C22" s="69"/>
      <c r="D22" s="69"/>
      <c r="E22" s="69"/>
      <c r="F22" s="69"/>
      <c r="G22" s="69"/>
    </row>
    <row r="23" spans="1:19" ht="20.25" customHeight="1" x14ac:dyDescent="0.15">
      <c r="A23" s="69"/>
      <c r="B23" s="13" t="s">
        <v>60</v>
      </c>
      <c r="C23" s="69"/>
      <c r="D23" s="69"/>
      <c r="E23" s="69"/>
      <c r="F23" s="69"/>
      <c r="G23" s="69"/>
    </row>
    <row r="24" spans="1:19" ht="20.25" customHeight="1" x14ac:dyDescent="0.15">
      <c r="A24" s="69"/>
      <c r="B24" s="13" t="s">
        <v>61</v>
      </c>
      <c r="C24" s="69"/>
      <c r="D24" s="69"/>
      <c r="E24" s="69"/>
      <c r="F24" s="69"/>
      <c r="G24" s="69"/>
    </row>
    <row r="25" spans="1:19" ht="20.25" customHeight="1" x14ac:dyDescent="0.15">
      <c r="A25" s="69"/>
      <c r="B25" s="13" t="s">
        <v>62</v>
      </c>
      <c r="C25" s="69"/>
      <c r="D25" s="69"/>
      <c r="E25" s="69"/>
      <c r="F25" s="69"/>
      <c r="G25" s="69"/>
    </row>
    <row r="26" spans="1:19" ht="20.25" customHeight="1" x14ac:dyDescent="0.15">
      <c r="A26" s="69"/>
      <c r="B26" s="13" t="s">
        <v>63</v>
      </c>
      <c r="C26" s="69"/>
      <c r="D26" s="69"/>
      <c r="E26" s="69"/>
      <c r="F26" s="13"/>
      <c r="G26" s="13"/>
      <c r="S26" s="29"/>
    </row>
    <row r="27" spans="1:19" ht="20.25" customHeight="1" x14ac:dyDescent="0.15">
      <c r="A27" s="69"/>
      <c r="B27" s="13" t="s">
        <v>64</v>
      </c>
      <c r="C27" s="69"/>
      <c r="D27" s="69"/>
      <c r="E27" s="69"/>
      <c r="F27" s="69"/>
      <c r="G27" s="69"/>
      <c r="S27" s="29"/>
    </row>
    <row r="28" spans="1:19" ht="20.25" customHeight="1" x14ac:dyDescent="0.15">
      <c r="A28" s="69"/>
      <c r="B28" s="13" t="s">
        <v>65</v>
      </c>
      <c r="C28" s="69"/>
      <c r="D28" s="69"/>
      <c r="E28" s="69"/>
      <c r="F28" s="69"/>
      <c r="G28" s="69"/>
      <c r="S28" s="29"/>
    </row>
    <row r="29" spans="1:19" s="72" customFormat="1" ht="19.5" customHeight="1" x14ac:dyDescent="0.4">
      <c r="A29" s="71"/>
      <c r="B29" s="13" t="s">
        <v>66</v>
      </c>
      <c r="S29" s="29"/>
    </row>
    <row r="30" spans="1:19" s="72" customFormat="1" ht="19.5" customHeight="1" x14ac:dyDescent="0.4">
      <c r="A30" s="71"/>
      <c r="B30" s="13" t="s">
        <v>67</v>
      </c>
    </row>
    <row r="31" spans="1:19" s="72" customFormat="1" ht="19.5" customHeight="1" x14ac:dyDescent="0.4">
      <c r="A31" s="71"/>
      <c r="B31" s="13" t="s">
        <v>68</v>
      </c>
      <c r="K31" s="29"/>
      <c r="L31" s="29"/>
      <c r="M31" s="29"/>
      <c r="N31" s="29"/>
    </row>
    <row r="32" spans="1:19" s="72" customFormat="1" ht="19.5" customHeight="1" x14ac:dyDescent="0.4">
      <c r="A32" s="71"/>
      <c r="B32" s="94" t="s">
        <v>69</v>
      </c>
      <c r="C32" s="94"/>
      <c r="D32" s="94"/>
      <c r="E32" s="94"/>
      <c r="F32" s="94"/>
      <c r="G32" s="94"/>
      <c r="S32" s="29"/>
    </row>
    <row r="33" spans="1:19" s="72" customFormat="1" ht="19.5" customHeight="1" x14ac:dyDescent="0.4">
      <c r="A33" s="71"/>
      <c r="B33" s="13" t="s">
        <v>70</v>
      </c>
      <c r="S33" s="29"/>
    </row>
    <row r="34" spans="1:19" s="72" customFormat="1" ht="41.25" customHeight="1" x14ac:dyDescent="0.4">
      <c r="A34" s="71"/>
      <c r="B34" s="116" t="s">
        <v>71</v>
      </c>
      <c r="C34" s="116"/>
      <c r="D34" s="116"/>
      <c r="E34" s="116"/>
      <c r="F34" s="116"/>
      <c r="G34" s="116"/>
      <c r="H34" s="116"/>
      <c r="I34" s="116"/>
      <c r="J34" s="116"/>
      <c r="K34" s="116"/>
      <c r="L34" s="73"/>
      <c r="M34" s="73"/>
      <c r="N34" s="73"/>
      <c r="O34" s="73"/>
      <c r="S34" s="29"/>
    </row>
    <row r="35" spans="1:19" s="72" customFormat="1" ht="19.5" customHeight="1" x14ac:dyDescent="0.4">
      <c r="A35" s="71"/>
      <c r="B35" s="13" t="s">
        <v>72</v>
      </c>
      <c r="S35" s="29"/>
    </row>
    <row r="36" spans="1:19" s="29" customFormat="1" ht="20.25" customHeight="1" x14ac:dyDescent="0.4">
      <c r="A36" s="8"/>
      <c r="B36" s="13" t="s">
        <v>73</v>
      </c>
    </row>
    <row r="37" spans="1:19" ht="20.25" customHeight="1" x14ac:dyDescent="0.15">
      <c r="A37" s="3"/>
      <c r="B37" s="13" t="s">
        <v>74</v>
      </c>
      <c r="C37" s="69"/>
      <c r="D37" s="69"/>
      <c r="E37" s="69"/>
      <c r="F37" s="69"/>
      <c r="G37" s="69"/>
      <c r="S37" s="29"/>
    </row>
    <row r="38" spans="1:19" ht="20.25" customHeight="1" x14ac:dyDescent="0.15">
      <c r="A38" s="3"/>
      <c r="B38" s="13" t="s">
        <v>75</v>
      </c>
      <c r="C38" s="69"/>
      <c r="D38" s="69"/>
      <c r="E38" s="69"/>
      <c r="F38" s="69"/>
      <c r="G38" s="69"/>
      <c r="S38" s="29"/>
    </row>
    <row r="39" spans="1:19" ht="20.25" customHeight="1" x14ac:dyDescent="0.15">
      <c r="A39" s="3"/>
      <c r="B39" s="13" t="s">
        <v>76</v>
      </c>
      <c r="C39" s="69"/>
      <c r="D39" s="69"/>
      <c r="E39" s="69"/>
      <c r="F39" s="69"/>
      <c r="G39" s="69"/>
    </row>
    <row r="40" spans="1:19" ht="20.25" customHeight="1" x14ac:dyDescent="0.15">
      <c r="A40" s="3"/>
      <c r="B40" s="13" t="s">
        <v>77</v>
      </c>
      <c r="C40" s="69"/>
      <c r="D40" s="69"/>
      <c r="E40" s="69"/>
      <c r="F40" s="69"/>
      <c r="G40" s="69"/>
    </row>
    <row r="41" spans="1:19" s="30" customFormat="1" ht="20.25" customHeight="1" x14ac:dyDescent="0.4">
      <c r="B41" s="13" t="s">
        <v>78</v>
      </c>
    </row>
    <row r="42" spans="1:19" s="30" customFormat="1" ht="20.25" customHeight="1" x14ac:dyDescent="0.4">
      <c r="B42" s="13" t="s">
        <v>79</v>
      </c>
    </row>
    <row r="43" spans="1:19" s="30" customFormat="1" ht="20.25" customHeight="1" x14ac:dyDescent="0.4">
      <c r="B43" s="13"/>
    </row>
    <row r="44" spans="1:19" s="30" customFormat="1" ht="20.25" customHeight="1" x14ac:dyDescent="0.4">
      <c r="B44" s="13" t="s">
        <v>80</v>
      </c>
    </row>
    <row r="45" spans="1:19" s="30" customFormat="1" ht="20.25" customHeight="1" x14ac:dyDescent="0.4">
      <c r="B45" s="13" t="s">
        <v>81</v>
      </c>
    </row>
    <row r="46" spans="1:19" s="30" customFormat="1" ht="20.25" customHeight="1" x14ac:dyDescent="0.4">
      <c r="B46" s="13" t="s">
        <v>82</v>
      </c>
    </row>
    <row r="47" spans="1:19" s="30" customFormat="1" ht="20.25" customHeight="1" x14ac:dyDescent="0.4">
      <c r="B47" s="13" t="s">
        <v>83</v>
      </c>
    </row>
    <row r="48" spans="1:19" s="30" customFormat="1" ht="20.25" customHeight="1" x14ac:dyDescent="0.4">
      <c r="B48" s="13" t="s">
        <v>84</v>
      </c>
    </row>
    <row r="49" spans="1:19" s="30" customFormat="1" ht="20.25" customHeight="1" x14ac:dyDescent="0.4">
      <c r="B49" s="13" t="s">
        <v>85</v>
      </c>
    </row>
    <row r="50" spans="1:19" s="30" customFormat="1" ht="20.25" customHeight="1" x14ac:dyDescent="0.4"/>
    <row r="51" spans="1:19" s="30" customFormat="1" ht="20.25" customHeight="1" x14ac:dyDescent="0.4">
      <c r="B51" s="13" t="s">
        <v>86</v>
      </c>
    </row>
    <row r="52" spans="1:19" s="30" customFormat="1" ht="20.25" customHeight="1" x14ac:dyDescent="0.4">
      <c r="B52" s="13" t="s">
        <v>87</v>
      </c>
    </row>
    <row r="53" spans="1:19" s="30" customFormat="1" ht="20.25" customHeight="1" x14ac:dyDescent="0.4">
      <c r="B53" s="13" t="s">
        <v>88</v>
      </c>
    </row>
    <row r="54" spans="1:19" s="30" customFormat="1" ht="42" customHeight="1" x14ac:dyDescent="0.4">
      <c r="B54" s="117" t="s">
        <v>89</v>
      </c>
      <c r="C54" s="117"/>
      <c r="D54" s="117"/>
      <c r="E54" s="117"/>
      <c r="F54" s="117"/>
      <c r="G54" s="117"/>
      <c r="H54" s="117"/>
      <c r="I54" s="117"/>
      <c r="J54" s="117"/>
      <c r="K54" s="117"/>
      <c r="L54" s="117"/>
      <c r="M54" s="117"/>
      <c r="N54" s="117"/>
      <c r="O54" s="117"/>
      <c r="P54" s="117"/>
      <c r="Q54" s="117"/>
      <c r="S54" s="74"/>
    </row>
    <row r="55" spans="1:19" s="30" customFormat="1" ht="20.25" customHeight="1" x14ac:dyDescent="0.4">
      <c r="B55" s="116" t="s">
        <v>90</v>
      </c>
      <c r="C55" s="116"/>
      <c r="D55" s="116"/>
      <c r="E55" s="116"/>
      <c r="F55" s="116"/>
      <c r="G55" s="116"/>
      <c r="S55" s="74"/>
    </row>
    <row r="56" spans="1:19" s="30" customFormat="1" ht="20.25" customHeight="1" x14ac:dyDescent="0.4">
      <c r="B56" s="13" t="s">
        <v>91</v>
      </c>
      <c r="C56" s="72"/>
      <c r="D56" s="72"/>
      <c r="E56" s="72"/>
      <c r="S56" s="74"/>
    </row>
    <row r="57" spans="1:19" s="30" customFormat="1" ht="20.25" customHeight="1" x14ac:dyDescent="0.4">
      <c r="B57" s="13" t="s">
        <v>92</v>
      </c>
      <c r="C57" s="72"/>
      <c r="D57" s="72"/>
      <c r="E57" s="72"/>
      <c r="S57" s="74"/>
    </row>
    <row r="58" spans="1:19" s="30" customFormat="1" ht="35.25" customHeight="1" x14ac:dyDescent="0.4">
      <c r="B58" s="117" t="s">
        <v>93</v>
      </c>
      <c r="C58" s="117"/>
      <c r="D58" s="117"/>
      <c r="E58" s="117"/>
      <c r="F58" s="117"/>
      <c r="G58" s="117"/>
      <c r="H58" s="117"/>
      <c r="I58" s="117"/>
      <c r="J58" s="117"/>
      <c r="K58" s="117"/>
      <c r="L58" s="117"/>
      <c r="M58" s="117"/>
      <c r="N58" s="117"/>
      <c r="O58" s="117"/>
      <c r="P58" s="117"/>
      <c r="Q58" s="117"/>
      <c r="S58" s="74"/>
    </row>
    <row r="59" spans="1:19" s="30" customFormat="1" ht="20.25" customHeight="1" x14ac:dyDescent="0.4">
      <c r="B59" s="94" t="s">
        <v>94</v>
      </c>
      <c r="C59" s="94"/>
      <c r="D59" s="94"/>
      <c r="E59" s="94"/>
      <c r="F59" s="94"/>
      <c r="G59" s="94"/>
      <c r="H59" s="94"/>
      <c r="I59" s="94"/>
      <c r="J59" s="94"/>
      <c r="K59" s="94"/>
      <c r="L59" s="94"/>
      <c r="M59" s="94"/>
      <c r="S59" s="74"/>
    </row>
    <row r="60" spans="1:19" s="30" customFormat="1" ht="20.25" customHeight="1" x14ac:dyDescent="0.4">
      <c r="B60" s="116" t="s">
        <v>95</v>
      </c>
      <c r="C60" s="116"/>
      <c r="D60" s="116"/>
      <c r="E60" s="116"/>
      <c r="F60" s="116"/>
      <c r="G60" s="116"/>
      <c r="S60" s="74"/>
    </row>
    <row r="61" spans="1:19" ht="20.25" customHeight="1" x14ac:dyDescent="0.15">
      <c r="A61" s="67"/>
      <c r="B61" s="13" t="s">
        <v>96</v>
      </c>
      <c r="C61" s="68"/>
      <c r="D61" s="68"/>
      <c r="E61" s="68"/>
      <c r="F61" s="68"/>
      <c r="G61" s="68"/>
      <c r="H61" s="68"/>
      <c r="I61" s="68"/>
      <c r="J61" s="68"/>
      <c r="K61" s="68"/>
    </row>
    <row r="62" spans="1:19" s="30" customFormat="1" ht="20.25" customHeight="1" x14ac:dyDescent="0.4">
      <c r="B62" s="116" t="s">
        <v>97</v>
      </c>
      <c r="C62" s="116"/>
      <c r="D62" s="116"/>
      <c r="E62" s="116"/>
      <c r="F62" s="116"/>
      <c r="G62" s="116"/>
      <c r="S62" s="74"/>
    </row>
    <row r="63" spans="1:19" s="30" customFormat="1" ht="20.25" customHeight="1" x14ac:dyDescent="0.4">
      <c r="B63" s="116" t="s">
        <v>98</v>
      </c>
      <c r="C63" s="116"/>
      <c r="D63" s="116"/>
      <c r="E63" s="116"/>
      <c r="F63" s="116"/>
      <c r="G63" s="116"/>
      <c r="S63" s="74"/>
    </row>
    <row r="64" spans="1:19" s="30" customFormat="1" ht="20.25" customHeight="1" x14ac:dyDescent="0.4">
      <c r="B64" s="116" t="s">
        <v>99</v>
      </c>
      <c r="C64" s="116"/>
      <c r="D64" s="116"/>
      <c r="E64" s="116"/>
      <c r="F64" s="116"/>
      <c r="G64" s="116"/>
      <c r="S64" s="74"/>
    </row>
    <row r="65" spans="1:19" s="30" customFormat="1" ht="20.25" customHeight="1" x14ac:dyDescent="0.4">
      <c r="B65" s="116" t="s">
        <v>100</v>
      </c>
      <c r="C65" s="116"/>
      <c r="D65" s="116"/>
      <c r="E65" s="116"/>
      <c r="F65" s="116"/>
      <c r="G65" s="116"/>
      <c r="S65" s="74"/>
    </row>
    <row r="66" spans="1:19" s="30" customFormat="1" ht="20.25" customHeight="1" x14ac:dyDescent="0.4">
      <c r="B66" s="116" t="s">
        <v>101</v>
      </c>
      <c r="C66" s="116"/>
      <c r="D66" s="116"/>
      <c r="E66" s="116"/>
      <c r="F66" s="116"/>
      <c r="G66" s="116"/>
      <c r="H66" s="116"/>
      <c r="I66" s="116"/>
      <c r="J66" s="116"/>
      <c r="K66" s="116"/>
      <c r="L66" s="116"/>
      <c r="M66" s="116"/>
      <c r="N66" s="116"/>
      <c r="O66" s="116"/>
      <c r="P66" s="116"/>
      <c r="Q66" s="116"/>
      <c r="S66" s="74"/>
    </row>
    <row r="67" spans="1:19" s="30" customFormat="1" ht="20.25" customHeight="1" x14ac:dyDescent="0.4">
      <c r="B67" s="116" t="s">
        <v>102</v>
      </c>
      <c r="C67" s="116"/>
      <c r="D67" s="116"/>
      <c r="E67" s="116"/>
      <c r="F67" s="116"/>
      <c r="G67" s="116"/>
      <c r="H67" s="116"/>
      <c r="I67" s="116"/>
      <c r="J67" s="116"/>
      <c r="K67" s="116"/>
      <c r="L67" s="116"/>
      <c r="M67" s="116"/>
      <c r="N67" s="116"/>
      <c r="O67" s="116"/>
      <c r="P67" s="116"/>
      <c r="Q67" s="116"/>
      <c r="S67" s="74"/>
    </row>
    <row r="68" spans="1:19" s="30" customFormat="1" ht="20.25" customHeight="1" x14ac:dyDescent="0.4">
      <c r="B68" s="116" t="s">
        <v>103</v>
      </c>
      <c r="C68" s="116"/>
      <c r="D68" s="116"/>
      <c r="E68" s="116"/>
      <c r="F68" s="116"/>
      <c r="G68" s="116"/>
      <c r="H68" s="116"/>
      <c r="I68" s="116"/>
      <c r="J68" s="116"/>
      <c r="K68" s="116"/>
      <c r="L68" s="116"/>
      <c r="M68" s="116"/>
      <c r="N68" s="116"/>
      <c r="O68" s="116"/>
      <c r="P68" s="116"/>
      <c r="Q68" s="116"/>
      <c r="S68" s="74"/>
    </row>
    <row r="69" spans="1:19" s="30" customFormat="1" ht="20.25" customHeight="1" x14ac:dyDescent="0.4">
      <c r="B69" s="13" t="s">
        <v>104</v>
      </c>
    </row>
    <row r="70" spans="1:19" s="29" customFormat="1" ht="20.25" customHeight="1" x14ac:dyDescent="0.4">
      <c r="A70" s="8"/>
      <c r="B70" s="13" t="s">
        <v>105</v>
      </c>
      <c r="C70" s="30"/>
      <c r="D70" s="30"/>
      <c r="E70" s="30"/>
    </row>
    <row r="71" spans="1:19" s="29" customFormat="1" ht="20.25" customHeight="1" x14ac:dyDescent="0.4">
      <c r="A71" s="8"/>
      <c r="B71" s="13" t="s">
        <v>106</v>
      </c>
      <c r="C71" s="30"/>
      <c r="D71" s="30"/>
      <c r="E71" s="30"/>
    </row>
    <row r="72" spans="1:19" ht="20.25" customHeight="1" x14ac:dyDescent="0.15">
      <c r="A72" s="67"/>
      <c r="B72" s="13" t="s">
        <v>107</v>
      </c>
      <c r="C72" s="29"/>
      <c r="D72" s="29"/>
      <c r="E72" s="29"/>
      <c r="F72" s="68"/>
      <c r="G72" s="68"/>
      <c r="H72" s="68"/>
      <c r="I72" s="68"/>
      <c r="J72" s="68"/>
      <c r="K72" s="68"/>
    </row>
    <row r="73" spans="1:19" ht="20.25" customHeight="1" x14ac:dyDescent="0.15">
      <c r="A73" s="67"/>
      <c r="B73" s="13"/>
      <c r="C73" s="29"/>
      <c r="D73" s="29"/>
      <c r="E73" s="29"/>
      <c r="F73" s="68"/>
      <c r="G73" s="68"/>
      <c r="H73" s="68"/>
      <c r="I73" s="68"/>
      <c r="J73" s="68"/>
      <c r="K73" s="68"/>
    </row>
    <row r="74" spans="1:19" ht="20.25" customHeight="1" x14ac:dyDescent="0.4">
      <c r="B74" s="70" t="s">
        <v>108</v>
      </c>
      <c r="C74" s="29"/>
      <c r="D74" s="29"/>
      <c r="E74" s="29"/>
    </row>
    <row r="75" spans="1:19" ht="20.25" customHeight="1" x14ac:dyDescent="0.15">
      <c r="C75" s="68"/>
      <c r="D75" s="68"/>
      <c r="E75" s="68"/>
    </row>
    <row r="76" spans="1:19" ht="20.25" customHeight="1" x14ac:dyDescent="0.4">
      <c r="B76" s="13" t="s">
        <v>109</v>
      </c>
    </row>
    <row r="88" spans="12:12" ht="20.25" customHeight="1" x14ac:dyDescent="0.4">
      <c r="L88" s="32"/>
    </row>
  </sheetData>
  <mergeCells count="16">
    <mergeCell ref="B55:G55"/>
    <mergeCell ref="B14:K14"/>
    <mergeCell ref="B15:G15"/>
    <mergeCell ref="B32:G32"/>
    <mergeCell ref="B34:K34"/>
    <mergeCell ref="B54:Q54"/>
    <mergeCell ref="B65:G65"/>
    <mergeCell ref="B66:Q66"/>
    <mergeCell ref="B67:Q67"/>
    <mergeCell ref="B68:Q68"/>
    <mergeCell ref="B58:Q58"/>
    <mergeCell ref="B59:M59"/>
    <mergeCell ref="B60:G60"/>
    <mergeCell ref="B62:G62"/>
    <mergeCell ref="B63:G63"/>
    <mergeCell ref="B64:G64"/>
  </mergeCells>
  <phoneticPr fontId="3"/>
  <printOptions horizontalCentered="1"/>
  <pageMargins left="0.23622047244094491" right="0.23622047244094491" top="0.74803149606299213" bottom="0.74803149606299213" header="0.31496062992125984" footer="0.31496062992125984"/>
  <headerFooter alignWithMargins="0"/>
  <rowBreaks count="2" manualBreakCount="2">
    <brk id="36" max="18"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75862C-4F03-4106-B432-5C5D73BC5A8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１</vt:lpstr>
      <vt:lpstr>備考（1）</vt:lpstr>
      <vt:lpstr>Sheet1</vt:lpstr>
      <vt:lpstr>'備考（1）'!Print_Area</vt:lpstr>
      <vt:lpstr>'別紙１－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10:18Z</dcterms:created>
  <dcterms:modified xsi:type="dcterms:W3CDTF">2024-03-22T09:11:06Z</dcterms:modified>
</cp:coreProperties>
</file>